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externalLinks/externalLink1.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xl/charts/chart1.xml" ContentType="application/vnd.openxmlformats-officedocument.drawingml.chart+xml"/>
  <Override PartName="/xl/charts/style1.xml" ContentType="application/vnd.ms-office.chartstyle+xml"/>
  <Override PartName="/xl/charts/colors1.xml" ContentType="application/vnd.ms-office.chartcolorstyle+xml"/>
  <Override PartName="/xl/charts/chart2.xml" ContentType="application/vnd.openxmlformats-officedocument.drawingml.chart+xml"/>
  <Override PartName="/xl/charts/style2.xml" ContentType="application/vnd.ms-office.chartstyle+xml"/>
  <Override PartName="/xl/charts/colors2.xml" ContentType="application/vnd.ms-office.chartcolorstyl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kfs01\s1321\group\01_調整グループ\02_バリアフリーの街づくり\001_例規等\03_条例施行規則改正（整備基準改正）\03_第３回\04_資料\221223_委員送付\"/>
    </mc:Choice>
  </mc:AlternateContent>
  <bookViews>
    <workbookView xWindow="0" yWindow="0" windowWidth="23040" windowHeight="9168" activeTab="1"/>
  </bookViews>
  <sheets>
    <sheet name="関係団体意見まとめ" sheetId="1" r:id="rId1"/>
    <sheet name="職員アンケートまとめ①" sheetId="2" r:id="rId2"/>
    <sheet name="職員アンケートまとめ②" sheetId="3" r:id="rId3"/>
    <sheet name="職員アンケートまとめ③" sheetId="4" r:id="rId4"/>
  </sheets>
  <externalReferences>
    <externalReference r:id="rId5"/>
  </externalReferences>
  <definedNames>
    <definedName name="_xlnm._FilterDatabase" localSheetId="0" hidden="1">関係団体意見まとめ!$B$3:$E$3</definedName>
    <definedName name="_xlnm.Print_Area" localSheetId="0">関係団体意見まとめ!$A$1:$H$24</definedName>
    <definedName name="_xlnm.Print_Area" localSheetId="1">職員アンケートまとめ①!$A$1:$F$33</definedName>
    <definedName name="_xlnm.Print_Area" localSheetId="2">職員アンケートまとめ②!$A$1:$E$53</definedName>
  </definedNames>
  <calcPr calcId="162913"/>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250" uniqueCount="162">
  <si>
    <t>団体名</t>
    <rPh sb="0" eb="2">
      <t>ダンタイ</t>
    </rPh>
    <rPh sb="2" eb="3">
      <t>メイ</t>
    </rPh>
    <phoneticPr fontId="1"/>
  </si>
  <si>
    <t>NPO法人神奈川県視覚障害者福祉協会</t>
    <phoneticPr fontId="1"/>
  </si>
  <si>
    <t>未整備割合の高い項目・基準の運用状況を踏まえた対応</t>
    <phoneticPr fontId="1"/>
  </si>
  <si>
    <t>公共トイレの整備の方向性</t>
    <phoneticPr fontId="1"/>
  </si>
  <si>
    <t>２ア</t>
    <phoneticPr fontId="1"/>
  </si>
  <si>
    <t>機能分散を目的としてトイレ整備の見直しを推し進める際、みんなのトイレの名称は《バリアフリートイレ》もしくは《アクセシブルトイレ》等に変更した方が趣旨に適っているように思える。</t>
    <phoneticPr fontId="1"/>
  </si>
  <si>
    <t>ピクトグラム等で対象者の表示を行う際は、異性介助を伴う場合（自閉症・知的障害当事者も含まれる）もしっかり明記しておく必要がある。</t>
    <phoneticPr fontId="1"/>
  </si>
  <si>
    <t>車いす使用者用便房に設備があるか否かに関わらず、一般便房にもベビーチェアやオストメイト等の機能がついた個室の設置を求めていくべき。その際、当の個室はやや広めの空間であることが必要（ベビーカーが個室内に入ることができない場合、乳幼児連れの利用者はやはり車いす使用者用便房を選択するのではないか）。</t>
    <phoneticPr fontId="1"/>
  </si>
  <si>
    <t>乳幼児連れの利用者に必要な設備が一般便房にも用意されていることを周知するピクトグラムや案内表示も必要。</t>
    <phoneticPr fontId="1"/>
  </si>
  <si>
    <t>大型施設の垂直階には各フロアに1以上の車いす使用者用便房の設置を求めたい
※現在は障害当事者、乳幼児連れの利用者ともに選択肢が限られているのが課題。多機能トイレが増えるのが望ましいが、一般便房の個室にゆとりを求めることで双方ともにフレキシブルなトイレの選択が可能となる。</t>
    <phoneticPr fontId="1"/>
  </si>
  <si>
    <t>自立の魂～略してじりたま～</t>
    <rPh sb="0" eb="2">
      <t>ジリツ</t>
    </rPh>
    <rPh sb="3" eb="4">
      <t>タマシイ</t>
    </rPh>
    <rPh sb="5" eb="6">
      <t>リャク</t>
    </rPh>
    <phoneticPr fontId="1"/>
  </si>
  <si>
    <t>避難経路の動線に車いす使用者の障害物となるような荷物や設備等を置かないこと（空間の確保）</t>
    <phoneticPr fontId="1"/>
  </si>
  <si>
    <t>スロープ等を設置する場合、傾斜度などにも配慮が必要</t>
    <phoneticPr fontId="1"/>
  </si>
  <si>
    <t>当事者を交えた避難経路の事前確認</t>
    <phoneticPr fontId="1"/>
  </si>
  <si>
    <t>幅広歩道等におけるベンチの休憩施設設置促進について</t>
    <phoneticPr fontId="1"/>
  </si>
  <si>
    <t>自立の魂～略してじりたま～</t>
    <phoneticPr fontId="1"/>
  </si>
  <si>
    <t>一人掛け、二人掛けのベンチ（椅子？）など腰かけられるものならタイプは様々でいいように思う（民間であればその方が容易？）
※車いす使用者は手荷物を整理する際の台としてもベンチを活用します。その意味でもぜひ増えてほしいです。</t>
    <phoneticPr fontId="1"/>
  </si>
  <si>
    <t>ベンチを設置する場合は周囲の空間幅にも配慮が必要（車いすでベンチ前方や側面に接着できるか？）</t>
    <phoneticPr fontId="1"/>
  </si>
  <si>
    <t>ご意見</t>
    <rPh sb="1" eb="3">
      <t>イケン</t>
    </rPh>
    <phoneticPr fontId="1"/>
  </si>
  <si>
    <t>項番</t>
    <rPh sb="0" eb="2">
      <t>コウバン</t>
    </rPh>
    <phoneticPr fontId="1"/>
  </si>
  <si>
    <t>誘導ブロック敷設の代わりとなる音声による案内設備等は、実際には少ないのが現状であり、設備がある場合もインターフォンまで等が多い。</t>
    <phoneticPr fontId="1"/>
  </si>
  <si>
    <t>避難設備の整備基準について</t>
    <rPh sb="0" eb="2">
      <t>ヒナン</t>
    </rPh>
    <rPh sb="2" eb="4">
      <t>セツビ</t>
    </rPh>
    <rPh sb="5" eb="7">
      <t>セイビ</t>
    </rPh>
    <rPh sb="7" eb="9">
      <t>キジュン</t>
    </rPh>
    <phoneticPr fontId="1"/>
  </si>
  <si>
    <t>躓くと言われるケースが多いが実際色彩的に分かるようにしていれば躓くことは少なく、設置したくない理由と考えられる。
色彩を考えるときに、ブロックの色は変えず周りのデザインの色を変えるように考えを転換する必要性がある。</t>
    <phoneticPr fontId="1"/>
  </si>
  <si>
    <t>【関係団体への意見照会とりまとめ】</t>
    <rPh sb="1" eb="3">
      <t>カンケイ</t>
    </rPh>
    <rPh sb="3" eb="5">
      <t>ダンタイ</t>
    </rPh>
    <rPh sb="7" eb="9">
      <t>イケン</t>
    </rPh>
    <rPh sb="9" eb="11">
      <t>ショウカイ</t>
    </rPh>
    <phoneticPr fontId="1"/>
  </si>
  <si>
    <t>対応方向性</t>
    <rPh sb="0" eb="2">
      <t>タイオウ</t>
    </rPh>
    <rPh sb="2" eb="5">
      <t>ホウコウセイ</t>
    </rPh>
    <phoneticPr fontId="1"/>
  </si>
  <si>
    <t>３　今後の施策の参考にします</t>
    <rPh sb="2" eb="4">
      <t>コンゴ</t>
    </rPh>
    <rPh sb="5" eb="7">
      <t>シサク</t>
    </rPh>
    <rPh sb="8" eb="10">
      <t>サンコウ</t>
    </rPh>
    <phoneticPr fontId="1"/>
  </si>
  <si>
    <t>新規の建築においては避難経路にある扉などが車いす使用者にも容易に開閉がしやすいものとするべき（引き戸×）</t>
    <phoneticPr fontId="1"/>
  </si>
  <si>
    <t>現在の取扱い</t>
    <rPh sb="0" eb="2">
      <t>ゲンザイ</t>
    </rPh>
    <rPh sb="3" eb="5">
      <t>トリアツカ</t>
    </rPh>
    <phoneticPr fontId="1"/>
  </si>
  <si>
    <t>公益社団法人神奈川県聴覚障害者協会</t>
    <phoneticPr fontId="1"/>
  </si>
  <si>
    <t>聴覚障害者の安全かつ円滑な利用に必要な設備</t>
  </si>
  <si>
    <t>「（１）文字情報表示設備の設置」について、
「文字」→「手話や筆談など」にすべきではないか。</t>
    <rPh sb="23" eb="25">
      <t>モジ</t>
    </rPh>
    <rPh sb="28" eb="30">
      <t>シュワ</t>
    </rPh>
    <rPh sb="31" eb="33">
      <t>ヒツダン</t>
    </rPh>
    <phoneticPr fontId="1"/>
  </si>
  <si>
    <t>「（３）難聴者の聴力を補う設備の設置」について、
・官公庁施設
・教育文化施設
・福祉施設　は遵守すべきではないでしょうか。</t>
    <phoneticPr fontId="1"/>
  </si>
  <si>
    <t>「（４）手話通訳者の配置」について、
・官公庁施設
・教育文化施設（図書館等）
・医療施設　は遵守すべきではないでしょうか。</t>
    <phoneticPr fontId="1"/>
  </si>
  <si>
    <t>「（２）文字表示設備の設置」について、
・努力規定箇所について、「文字表示設備または手話や筆談などによる情報提供」とすべきではないか。</t>
    <phoneticPr fontId="1"/>
  </si>
  <si>
    <t>「（２）文字表示設備の設置」について、
・「スクリーン等を備え、スクリーン等に文字を映し出せる機器を設けること。」→「スクリーン等様々な情報を文字により映し出せる機器を設けること。」にすべきではないか。</t>
    <rPh sb="42" eb="43">
      <t>ウツ</t>
    </rPh>
    <rPh sb="44" eb="45">
      <t>ダ</t>
    </rPh>
    <rPh sb="47" eb="49">
      <t>キキ</t>
    </rPh>
    <rPh sb="50" eb="51">
      <t>モウ</t>
    </rPh>
    <rPh sb="64" eb="65">
      <t>トウ</t>
    </rPh>
    <rPh sb="76" eb="77">
      <t>ウツ</t>
    </rPh>
    <rPh sb="78" eb="79">
      <t>ダ</t>
    </rPh>
    <rPh sb="81" eb="83">
      <t>キキ</t>
    </rPh>
    <rPh sb="84" eb="85">
      <t>モウ</t>
    </rPh>
    <phoneticPr fontId="1"/>
  </si>
  <si>
    <t>現行の整備ガイドブック（解説）で、「磁気ループ等を利用した集団補聴装置」と具体例を示している。</t>
    <rPh sb="0" eb="2">
      <t>ゲンコウ</t>
    </rPh>
    <rPh sb="3" eb="5">
      <t>セイビ</t>
    </rPh>
    <rPh sb="12" eb="14">
      <t>カイセツ</t>
    </rPh>
    <rPh sb="18" eb="20">
      <t>ジキ</t>
    </rPh>
    <rPh sb="23" eb="24">
      <t>トウ</t>
    </rPh>
    <rPh sb="25" eb="27">
      <t>リヨウ</t>
    </rPh>
    <rPh sb="29" eb="31">
      <t>シュウダン</t>
    </rPh>
    <rPh sb="31" eb="33">
      <t>ホチョウ</t>
    </rPh>
    <rPh sb="33" eb="35">
      <t>ソウチ</t>
    </rPh>
    <rPh sb="37" eb="39">
      <t>グタイ</t>
    </rPh>
    <rPh sb="39" eb="40">
      <t>レイ</t>
    </rPh>
    <rPh sb="41" eb="42">
      <t>シメ</t>
    </rPh>
    <phoneticPr fontId="1"/>
  </si>
  <si>
    <t>現行の基準では、ソフト面として筆談ができる備品の整備を求めている。手話通訳については（４）で規定している。</t>
    <rPh sb="0" eb="2">
      <t>ゲンコウ</t>
    </rPh>
    <rPh sb="3" eb="5">
      <t>キジュン</t>
    </rPh>
    <rPh sb="11" eb="12">
      <t>メン</t>
    </rPh>
    <rPh sb="15" eb="17">
      <t>ヒツダン</t>
    </rPh>
    <rPh sb="21" eb="23">
      <t>ビヒン</t>
    </rPh>
    <rPh sb="24" eb="26">
      <t>セイビ</t>
    </rPh>
    <rPh sb="27" eb="28">
      <t>モト</t>
    </rPh>
    <rPh sb="33" eb="35">
      <t>シュワ</t>
    </rPh>
    <rPh sb="35" eb="37">
      <t>ツウヤク</t>
    </rPh>
    <rPh sb="46" eb="48">
      <t>キテイ</t>
    </rPh>
    <phoneticPr fontId="1"/>
  </si>
  <si>
    <t>「難聴者の聴力を補う設備」とはヒアリングループなどのことと思いますが、一般の人はわからないと思いますので、「例:ヒアリングループ」というように具体例を示した方がいいのではないでしょうか。</t>
    <phoneticPr fontId="1"/>
  </si>
  <si>
    <t>1　今回の改正で反映</t>
    <rPh sb="2" eb="4">
      <t>コンカイ</t>
    </rPh>
    <rPh sb="5" eb="7">
      <t>カイセイ</t>
    </rPh>
    <rPh sb="8" eb="10">
      <t>ハンエイ</t>
    </rPh>
    <phoneticPr fontId="1"/>
  </si>
  <si>
    <t>３　今後の施策の参考にします</t>
    <phoneticPr fontId="1"/>
  </si>
  <si>
    <t>３　今後の施策の参考にします</t>
    <rPh sb="2" eb="4">
      <t>コンゴ</t>
    </rPh>
    <rPh sb="5" eb="7">
      <t>セサク</t>
    </rPh>
    <rPh sb="8" eb="10">
      <t>サンコウ</t>
    </rPh>
    <phoneticPr fontId="1"/>
  </si>
  <si>
    <t>２　対応済
（既に消防法（8条の２の４）規定・指導あり）</t>
    <rPh sb="7" eb="8">
      <t>スデ</t>
    </rPh>
    <rPh sb="9" eb="12">
      <t>ショウボウホウ</t>
    </rPh>
    <rPh sb="14" eb="15">
      <t>ジョウ</t>
    </rPh>
    <rPh sb="20" eb="22">
      <t>キテイ</t>
    </rPh>
    <rPh sb="23" eb="25">
      <t>シドウ</t>
    </rPh>
    <phoneticPr fontId="1"/>
  </si>
  <si>
    <t>２　対応済
（既存基準で対応）</t>
    <rPh sb="7" eb="9">
      <t>キゾン</t>
    </rPh>
    <rPh sb="9" eb="11">
      <t>キジュン</t>
    </rPh>
    <rPh sb="12" eb="14">
      <t>タイオウ</t>
    </rPh>
    <phoneticPr fontId="1"/>
  </si>
  <si>
    <t>２　対応済
（既存基準で対応）</t>
    <rPh sb="2" eb="4">
      <t>タイオウ</t>
    </rPh>
    <rPh sb="4" eb="5">
      <t>ズ</t>
    </rPh>
    <rPh sb="7" eb="9">
      <t>キゾン</t>
    </rPh>
    <rPh sb="9" eb="11">
      <t>キジュン</t>
    </rPh>
    <rPh sb="12" eb="14">
      <t>タイオウ</t>
    </rPh>
    <phoneticPr fontId="1"/>
  </si>
  <si>
    <t>２　対応済
（望ましい水準）</t>
    <rPh sb="2" eb="4">
      <t>タイオウ</t>
    </rPh>
    <rPh sb="4" eb="5">
      <t>ズ</t>
    </rPh>
    <rPh sb="7" eb="8">
      <t>ノゾ</t>
    </rPh>
    <rPh sb="11" eb="13">
      <t>スイジュン</t>
    </rPh>
    <phoneticPr fontId="1"/>
  </si>
  <si>
    <t>２　対応済
（既存基準で対応）</t>
    <phoneticPr fontId="1"/>
  </si>
  <si>
    <t>２　対応済
（既存基準で対応）</t>
    <phoneticPr fontId="1"/>
  </si>
  <si>
    <r>
      <t>視覚障害者が避難する場合を考慮し、</t>
    </r>
    <r>
      <rPr>
        <u/>
        <sz val="20"/>
        <rFont val="游ゴシック"/>
        <family val="3"/>
        <charset val="128"/>
        <scheme val="minor"/>
      </rPr>
      <t>人的誘導の項目の追加を希望</t>
    </r>
    <r>
      <rPr>
        <sz val="20"/>
        <rFont val="游ゴシック"/>
        <family val="3"/>
        <charset val="128"/>
        <scheme val="minor"/>
      </rPr>
      <t>。</t>
    </r>
    <phoneticPr fontId="1"/>
  </si>
  <si>
    <r>
      <t>車いす使用者、視覚障害当事者、聴覚障害当事者へ向けた</t>
    </r>
    <r>
      <rPr>
        <u/>
        <sz val="20"/>
        <rFont val="游ゴシック"/>
        <family val="3"/>
        <charset val="128"/>
        <scheme val="minor"/>
      </rPr>
      <t>避難経路の案内方法</t>
    </r>
    <r>
      <rPr>
        <sz val="20"/>
        <rFont val="游ゴシック"/>
        <family val="3"/>
        <charset val="128"/>
        <scheme val="minor"/>
      </rPr>
      <t>を用意する</t>
    </r>
    <phoneticPr fontId="1"/>
  </si>
  <si>
    <t>―</t>
  </si>
  <si>
    <t>―</t>
    <phoneticPr fontId="1"/>
  </si>
  <si>
    <t>努力規定：官公庁施設、教育文化施設（図書館等）、医療施設（無床診療所を除く）
望ましい水準：その他公共的施設</t>
    <rPh sb="18" eb="21">
      <t>トショカン</t>
    </rPh>
    <rPh sb="21" eb="22">
      <t>トウ</t>
    </rPh>
    <rPh sb="24" eb="26">
      <t>イリョウ</t>
    </rPh>
    <rPh sb="26" eb="28">
      <t>シセツ</t>
    </rPh>
    <rPh sb="29" eb="31">
      <t>ムショウ</t>
    </rPh>
    <rPh sb="31" eb="34">
      <t>シンリョウジョ</t>
    </rPh>
    <rPh sb="35" eb="36">
      <t>ノゾ</t>
    </rPh>
    <phoneticPr fontId="1"/>
  </si>
  <si>
    <t>手話通訳の配置については（４）で規定している。</t>
    <rPh sb="0" eb="2">
      <t>シュワ</t>
    </rPh>
    <rPh sb="2" eb="4">
      <t>ツウヤク</t>
    </rPh>
    <rPh sb="5" eb="7">
      <t>ハイチ</t>
    </rPh>
    <rPh sb="16" eb="18">
      <t>キテイ</t>
    </rPh>
    <phoneticPr fontId="1"/>
  </si>
  <si>
    <t>【職員向けアンケートまとめ】</t>
    <rPh sb="1" eb="3">
      <t>ショクイン</t>
    </rPh>
    <rPh sb="3" eb="4">
      <t>ム</t>
    </rPh>
    <phoneticPr fontId="1"/>
  </si>
  <si>
    <t>設問１</t>
    <phoneticPr fontId="1"/>
  </si>
  <si>
    <t>乳幼児を連れて長時間の外出をするとき、乳幼児用設備が整備されていないと不便だと感じる施設はどのような用途、規模の施設ですか。</t>
    <phoneticPr fontId="1"/>
  </si>
  <si>
    <t>用途</t>
    <rPh sb="0" eb="2">
      <t>ヨウト</t>
    </rPh>
    <phoneticPr fontId="1"/>
  </si>
  <si>
    <t>大型ショッピングモール（2000㎡～）</t>
    <rPh sb="0" eb="2">
      <t>オオガタ</t>
    </rPh>
    <phoneticPr fontId="1"/>
  </si>
  <si>
    <t>複合商業施設（1000㎡～）</t>
    <rPh sb="0" eb="2">
      <t>フクゴウ</t>
    </rPh>
    <rPh sb="2" eb="4">
      <t>ショウギョウ</t>
    </rPh>
    <rPh sb="4" eb="6">
      <t>シセツ</t>
    </rPh>
    <phoneticPr fontId="1"/>
  </si>
  <si>
    <t>総合スーパー（1000㎡～）</t>
    <rPh sb="0" eb="2">
      <t>ソウゴウ</t>
    </rPh>
    <phoneticPr fontId="1"/>
  </si>
  <si>
    <t>専門スーパー（500㎡）</t>
    <rPh sb="0" eb="2">
      <t>センモン</t>
    </rPh>
    <phoneticPr fontId="1"/>
  </si>
  <si>
    <t>飲食店</t>
    <rPh sb="0" eb="2">
      <t>インショク</t>
    </rPh>
    <rPh sb="2" eb="3">
      <t>テン</t>
    </rPh>
    <phoneticPr fontId="1"/>
  </si>
  <si>
    <t>家電量販店</t>
    <rPh sb="0" eb="2">
      <t>カデン</t>
    </rPh>
    <rPh sb="2" eb="5">
      <t>リョウハンテン</t>
    </rPh>
    <phoneticPr fontId="1"/>
  </si>
  <si>
    <t>道の駅・ＳＡ・ＰＡ</t>
    <phoneticPr fontId="1"/>
  </si>
  <si>
    <t>公園（大規模）</t>
    <rPh sb="0" eb="2">
      <t>コウエン</t>
    </rPh>
    <rPh sb="3" eb="6">
      <t>ダイキボ</t>
    </rPh>
    <phoneticPr fontId="1"/>
  </si>
  <si>
    <t>規模・用途は問わず必要</t>
    <rPh sb="0" eb="2">
      <t>キボ</t>
    </rPh>
    <rPh sb="3" eb="5">
      <t>ヨウト</t>
    </rPh>
    <rPh sb="6" eb="7">
      <t>ト</t>
    </rPh>
    <rPh sb="9" eb="11">
      <t>ヒツヨウ</t>
    </rPh>
    <phoneticPr fontId="1"/>
  </si>
  <si>
    <t>規模に関わらず必要</t>
    <rPh sb="0" eb="2">
      <t>キボ</t>
    </rPh>
    <rPh sb="3" eb="4">
      <t>カカ</t>
    </rPh>
    <rPh sb="7" eb="9">
      <t>ヒツヨウ</t>
    </rPh>
    <phoneticPr fontId="1"/>
  </si>
  <si>
    <t>用途に問わず必要</t>
    <rPh sb="0" eb="2">
      <t>ヨウト</t>
    </rPh>
    <rPh sb="3" eb="4">
      <t>ト</t>
    </rPh>
    <rPh sb="6" eb="8">
      <t>ヒツヨウ</t>
    </rPh>
    <phoneticPr fontId="1"/>
  </si>
  <si>
    <t>【職員向けアンケート】</t>
    <phoneticPr fontId="1"/>
  </si>
  <si>
    <t>設問２</t>
    <rPh sb="0" eb="2">
      <t>セツモン</t>
    </rPh>
    <phoneticPr fontId="1"/>
  </si>
  <si>
    <t>必要と感じる設備</t>
    <rPh sb="0" eb="2">
      <t>ヒツヨウ</t>
    </rPh>
    <rPh sb="3" eb="4">
      <t>カン</t>
    </rPh>
    <rPh sb="6" eb="8">
      <t>セツビ</t>
    </rPh>
    <phoneticPr fontId="1"/>
  </si>
  <si>
    <t>人数（人）</t>
    <rPh sb="0" eb="2">
      <t>ニンズウ</t>
    </rPh>
    <rPh sb="3" eb="4">
      <t>ヒト</t>
    </rPh>
    <phoneticPr fontId="1"/>
  </si>
  <si>
    <t>乳幼児用いす</t>
    <phoneticPr fontId="1"/>
  </si>
  <si>
    <t>乳幼児用いす、授乳スペース</t>
    <rPh sb="0" eb="3">
      <t>ニュウヨウジ</t>
    </rPh>
    <rPh sb="3" eb="4">
      <t>ヨウ</t>
    </rPh>
    <rPh sb="7" eb="9">
      <t>ジュニュウ</t>
    </rPh>
    <phoneticPr fontId="1"/>
  </si>
  <si>
    <r>
      <t>乳幼児用いす、</t>
    </r>
    <r>
      <rPr>
        <sz val="14"/>
        <color rgb="FFFF0000"/>
        <rFont val="游ゴシック"/>
        <family val="3"/>
        <charset val="128"/>
        <scheme val="minor"/>
      </rPr>
      <t>乳幼児用おむつ交換台</t>
    </r>
    <phoneticPr fontId="1"/>
  </si>
  <si>
    <t>授乳スペース</t>
    <phoneticPr fontId="1"/>
  </si>
  <si>
    <t>乳幼児用おむつ交換台</t>
    <phoneticPr fontId="1"/>
  </si>
  <si>
    <r>
      <rPr>
        <sz val="14"/>
        <color rgb="FFFF0000"/>
        <rFont val="游ゴシック"/>
        <family val="3"/>
        <charset val="128"/>
        <scheme val="minor"/>
      </rPr>
      <t>乳幼児用おむつ交換台</t>
    </r>
    <r>
      <rPr>
        <sz val="14"/>
        <color theme="1"/>
        <rFont val="游ゴシック"/>
        <family val="3"/>
        <charset val="128"/>
        <scheme val="minor"/>
      </rPr>
      <t>、授乳スペース</t>
    </r>
    <phoneticPr fontId="1"/>
  </si>
  <si>
    <t>全て(いす、交換台、授乳スペース)</t>
    <rPh sb="0" eb="1">
      <t>スベ</t>
    </rPh>
    <rPh sb="6" eb="9">
      <t>コウカンダイ</t>
    </rPh>
    <rPh sb="10" eb="12">
      <t>ジュニュウ</t>
    </rPh>
    <phoneticPr fontId="1"/>
  </si>
  <si>
    <t>※「全て」を除く</t>
    <rPh sb="2" eb="3">
      <t>スベ</t>
    </rPh>
    <rPh sb="6" eb="7">
      <t>ノゾ</t>
    </rPh>
    <phoneticPr fontId="1"/>
  </si>
  <si>
    <t>その他</t>
    <rPh sb="2" eb="3">
      <t>タ</t>
    </rPh>
    <phoneticPr fontId="1"/>
  </si>
  <si>
    <t>　設問３　その他、建築物の乳幼児用設備に関して、ご意見がありましたらご記入ください。</t>
    <phoneticPr fontId="1"/>
  </si>
  <si>
    <t>〇：基準に関係するもの　△：基準に無関係ではないが対応不可と思われるもの　×：基準とは無関係、対応不可なもの</t>
    <rPh sb="2" eb="4">
      <t>キジュン</t>
    </rPh>
    <rPh sb="5" eb="7">
      <t>カンケイ</t>
    </rPh>
    <rPh sb="14" eb="16">
      <t>キジュン</t>
    </rPh>
    <rPh sb="17" eb="20">
      <t>ムカンケイ</t>
    </rPh>
    <rPh sb="25" eb="27">
      <t>タイオウ</t>
    </rPh>
    <rPh sb="27" eb="29">
      <t>フカ</t>
    </rPh>
    <rPh sb="30" eb="31">
      <t>オモ</t>
    </rPh>
    <rPh sb="39" eb="41">
      <t>キジュン</t>
    </rPh>
    <rPh sb="43" eb="46">
      <t>ムカンケイ</t>
    </rPh>
    <rPh sb="47" eb="49">
      <t>タイオウ</t>
    </rPh>
    <rPh sb="49" eb="51">
      <t>フカ</t>
    </rPh>
    <phoneticPr fontId="1"/>
  </si>
  <si>
    <t>回答</t>
    <rPh sb="0" eb="2">
      <t>カイトウ</t>
    </rPh>
    <phoneticPr fontId="1"/>
  </si>
  <si>
    <t>対応方法</t>
    <rPh sb="0" eb="2">
      <t>タイオウ</t>
    </rPh>
    <rPh sb="2" eb="4">
      <t>ホウホウ</t>
    </rPh>
    <phoneticPr fontId="1"/>
  </si>
  <si>
    <t>清潔保持してほしい</t>
  </si>
  <si>
    <t>×</t>
    <phoneticPr fontId="1"/>
  </si>
  <si>
    <t>限られた資源の中で実施するので困難かとは思いますが、乳幼児用設備が女性トイレ内もしくは女性トイレの目の前など、男性の親が乳幼児用設備を使うことを想定していないような設置を見て、困った経験があります。</t>
    <phoneticPr fontId="1"/>
  </si>
  <si>
    <t>〇</t>
    <phoneticPr fontId="1"/>
  </si>
  <si>
    <t>給湯設備があるとよい。駅に整備されると嬉しい。</t>
    <phoneticPr fontId="1"/>
  </si>
  <si>
    <t>17の項で規定</t>
    <rPh sb="3" eb="4">
      <t>コウ</t>
    </rPh>
    <rPh sb="5" eb="7">
      <t>キテイ</t>
    </rPh>
    <phoneticPr fontId="1"/>
  </si>
  <si>
    <t>貸し出し用のベビーカーがあるととても助かるので、貸出場所をもっと増やしてほしいです。</t>
    <phoneticPr fontId="1"/>
  </si>
  <si>
    <t>おむつ交換台は、独立したスペースで。（男子トイレ内に無い（女子トイレ内にあるだけだと不便））総合スーパーなどでは、各階に設置しないと移動も不便。</t>
    <phoneticPr fontId="1"/>
  </si>
  <si>
    <t>乳幼児用の小さなトイレも整備が必要だと考えます</t>
    <phoneticPr fontId="1"/>
  </si>
  <si>
    <t>ベビーカーの使用（通行のみならず、置き場所も）への配慮。手洗いに設けるなら男女共にあるいはみんなのトイレの拡充。衛生・感染・防犯対策。</t>
    <phoneticPr fontId="1"/>
  </si>
  <si>
    <t>いすはごはん屋さんやフードコートにあれば足りるが、おむつ交換台や授乳スペースはたくさんほしい。おむつ交換も授乳も時間がかかるし、そこを探して歩きまわるだけで疲れるので、最低でも１フロアに２か所ずつはほしい。</t>
    <phoneticPr fontId="1"/>
  </si>
  <si>
    <t>・オムツ交換の際にオムツを捨てられるごみ箱があるととても助かる
・乳幼児限定の遊べるスペースが欲しい（子供用スペースだと年齢が大きい子がいて、ケガをさせられるのではと心配になるため）
・授乳室に離乳食やママ用の軽食・カフェインレスの飲み物などが売られている自販機があったらとてもうれしい</t>
    <phoneticPr fontId="1"/>
  </si>
  <si>
    <t>トイレ内ではなく、独立したスペース（トイレ隣接可）であるとなおよい。</t>
    <phoneticPr fontId="1"/>
  </si>
  <si>
    <t>授乳室はカーテン一枚で仕切られていることが多いです。突然他人が入ってきて暴力を振るわれても、胸をはだけていて、赤ん坊を抱えていたら対応はできないと思います。鍵のかかる個室が望ましいと思います。</t>
    <phoneticPr fontId="1"/>
  </si>
  <si>
    <t>乳幼児用設備は、清潔である必要があるので、現在よく見かけるようなトイレ内などで誰もが立ち入って荷物置き場などにされている状況は望ましくありません。別に設けるなどの工夫が必要だと思います。
また、トイレは乳幼児連れで簡単に入れるよう、ベビーカーごと入れる個室があるといいと思います。
ほか、施設ではないかもしれませんが、特に新幹線はつらかった記憶があり、デパートや車販売店にあるように、狭くてもちょっとハイハイできるようなスペースがあるだけでも全然ちがうと思います。ディズニーランドには、乳幼児のお昼寝用に特化した設備があり、とても助かりました。新幹線は長時間乗車しなくてはいけないのにもかかわらず、普通席、グリーン席を問わず、みじんも考慮されていません。座席も、乳幼児を抱っこしたまま立ち上がるには狭いです。ほか、荷物が多くて、準備や持ち運びも大変でしたので、おむつもミルクも自販機でどこでもすぐに買えるようだと助かると思います。</t>
    <phoneticPr fontId="1"/>
  </si>
  <si>
    <t>男性（父親）も利用可のおむつ交換スペースの奥などに授乳スペースがあると、母乳の場合は利用しづらい。母乳専用スペースは「男性（父親）も利用可」のスペースと入り口を分けて設置して欲しい。</t>
    <phoneticPr fontId="1"/>
  </si>
  <si>
    <t>・トイレの個室に、幼児用の便座（のせて穴を小さくするもの。たまにショッピングモールの個室の壁にかかっていたり、大人用便座の上についている場所があります）を標準で配備してほしいです。
　キッズトイレのない施設で、女児や小便器を使えない男児が用を足すのが難しいことがあるため。
・おむつ交換台はできれば個室か、奥まった場所か、あるいはみんなのトイレに配備する形にしてほしいです。通りすがりに覗く人がいるという話を聞くため。
・喫煙所の近傍には設置できないような規定を作ってほしいです。
・授乳室の個室やベビー休憩室には、通報ボタンがあると安心できます。駅にある授乳室など、カーテンで仕切られていて女性専用と書いてあっても、（おそらく）覗き目的で入ってくる人がいるそうなので、すぐに通報できるようになっているとより安心だと思います。</t>
    <phoneticPr fontId="1"/>
  </si>
  <si>
    <t>施設によっては乳幼児と成人が一緒にいることで音などで不都合な場所もあるはずなので、親の認識の度合いもあると思われます。</t>
    <phoneticPr fontId="1"/>
  </si>
  <si>
    <t>オムツ交換台はまだ歩けない乳児では使えるが、主として歩行をしているが、オムツを使用している幼児のオムツ交換の場が少なく、トイレを使用して交換していたが、衛生面で心配だった。</t>
    <phoneticPr fontId="1"/>
  </si>
  <si>
    <t>必ずしも椅子でなくてもよいのですが、座れるスペースが多くあるとうれしいです（休憩できる、子どもに飲食物をあげられる）。</t>
    <phoneticPr fontId="1"/>
  </si>
  <si>
    <t>△</t>
    <phoneticPr fontId="1"/>
  </si>
  <si>
    <t>授乳スペースは個室と男性も入室できるスペースをそれぞれ用意したほうがよいです。
母乳をあげる場合は個室（できれば鍵付き）がよいが、父親がミルクをあげる場合は個室しかないと困るため。</t>
    <phoneticPr fontId="1"/>
  </si>
  <si>
    <t>女性用トイレにはおむつ交換台があるが、男性用トイレにはないことが多い。
多目的トイレが埋まってしまっている時、父親だけでおむつを交換する場合、待たないといけず、私自身、父親として何度も不便を感じている。パパの育児を推進している中で、こういったところはまだまだ整備されていないと感じる。</t>
    <phoneticPr fontId="1"/>
  </si>
  <si>
    <t>清潔にするなど一定の管理も必要なので、管理者にメリットや義務感が必要になると思います。</t>
    <phoneticPr fontId="1"/>
  </si>
  <si>
    <t>商業施設というよりも公共施設で見掛けるのですが、お手洗いの看板にベビーの絵が掲げられているにもかかわらず乳児用いすがあるだけでオムツ替えができるスペースが全くないことがあります。設問２の回答のとおり乳幼児連れで椅子だけあるのは正直に言ってあまり意味がないので、オムツ替え台が設置されている場合のみベビーの絵を掲げるよう基準を統一して貰えると助かります。</t>
    <phoneticPr fontId="1"/>
  </si>
  <si>
    <t>最近は大人用の個室トイレに子供用の椅子があり、子連れでもトイレを使用しやすいようになりました。ですが、個室のカギが１か所で、子供の手が簡単に届いてしまう場所にあり、使用中に（子供のいたずらで）鍵が外れてしまうのではないかと冷や冷やして、なかなか使用することができません。子供の手が届かない場所に鍵をもう１つ取り付けている商業施設もあり、そのような施設が増えると良いと思いました。</t>
    <phoneticPr fontId="1"/>
  </si>
  <si>
    <t>横浜の丸井３階に設置してる乳幼児休憩室・ベビールーム（設置型乳児室mamaro)が1畳分くらいのボックス型になっており、他の方からの目を気にすることなく、ベビーケアなどを行う事ができます。こちらが、商業施設や、駅構内に設置が増えるといいなと思います。</t>
    <phoneticPr fontId="1"/>
  </si>
  <si>
    <t>大きい建物程2個所ぐらい乳幼児設備があればと思います｡</t>
    <phoneticPr fontId="1"/>
  </si>
  <si>
    <t>子供と一緒に座れる椅子</t>
    <phoneticPr fontId="1"/>
  </si>
  <si>
    <t>やはり男性が使用するにはかなりの遠慮がある。男性でも気兼ねなく使用できる環境が欲しい。また、使われる方はよく知っている。どこが使いやすい。とか、この施設ではどこのスペースが充実してる。とか、やはり現在乳幼児がいる親に聞くのが一番だと思います。</t>
    <phoneticPr fontId="1"/>
  </si>
  <si>
    <t>既存基準で対応</t>
    <rPh sb="0" eb="2">
      <t>キゾン</t>
    </rPh>
    <rPh sb="2" eb="4">
      <t>キジュン</t>
    </rPh>
    <rPh sb="5" eb="7">
      <t>タイオウ</t>
    </rPh>
    <phoneticPr fontId="1"/>
  </si>
  <si>
    <t>設備は以前と比べるとずいぶん整ってきていて過ごしやすく思っているが、そこへのアクセス（例：多目的トイレなのに入口までに段差がある）その部屋に入るまでにクリアしないといけない壁がある施設に出会うと、残念に感じる時がある。</t>
    <phoneticPr fontId="1"/>
  </si>
  <si>
    <t>柔軟なベビーカー移動ができるよう、スロープの設置、エレベーターの設置及び案内（天井の案内板、ベビーカー優先の床ステッカー等）の設置が必要だと強く感じています。</t>
    <phoneticPr fontId="1"/>
  </si>
  <si>
    <t>外食などの家族で外出の折、自身がおむつの交換をしますが、おむつの交換台が男性用のお手洗いには設置されておらず不便に感じたことがありました</t>
    <phoneticPr fontId="1"/>
  </si>
  <si>
    <t>・設置場所が分かりやすいとよいと思います（大き目のサイン標示等）。
・通路幅の確保（ベビーカーがすれ違える場所がある）について基準があるとよいと思います。</t>
    <phoneticPr fontId="1"/>
  </si>
  <si>
    <t>障害者用トイレの場所と、共通にしてもらえると、探しやすく、男性でも、一緒に入れるのでありがたい。
※ 女性用トイレのみに、おむつ交換台があるような施設もあり、男性が一人で子連れて買い物等をするのは、まだまだ難しいと感じることもあった。（見ず知らずの子連れの女性に、おむつ交換をお願いすれば何とかなるものだとも思った。）
※ 幼稚園くらいの子供になると、男性用トイレに入りたがらなくなるため、女児と一緒に入れるトイレ（障碍者用トイレ等）が無い場合、子供がなかなかトイレから出てこないときに、近くにいた女性にお願いすることも多々あった。
※ 公民館は、既に子供用の施設が整備されているため、困ったことは無かった。
※ 大規模な施設も、既に子供用の施設が整備されているため、困ったことは無かった。
※ 授乳室は、母乳専用か、そうでないのかを明示してもらえると男性でも入りやすくなると思う。（男性であっても、授乳の際にお湯、水道が使えるとありがたいとは思った。とはいえ、お湯、水道が無くても保温の水筒を自分で準備して何とかなってはいた）</t>
    <phoneticPr fontId="1"/>
  </si>
  <si>
    <t>スライドドアでないと子供の乗降の際にドアが隣の車にぶつかるような狭い駐車場が多いが、身障者用駐車場のサインが車いすマークが多いため使うのをためらってしまう。施設の敷地内に、乳幼児用であることがはっきりとわかる駐車場が欲しい。</t>
    <phoneticPr fontId="1"/>
  </si>
  <si>
    <t>おむつ替え台が多目的トイレ内にしかない施設があるが、休日だと大行列になっていてとても困る。多目的トイレの利用が必要な方（車椅子利用者等）にとっても、多目的トイレがおむつ替えの人によって長時間使われるのは困るのではないかと思う。
また、授乳スペースについて、知らない男性がのぞき込むという事例をネットで見たことがあり、不安に感じる。母子が安心して利用できるよう、セキュリティ面での対処もあるととても嬉しい。</t>
    <phoneticPr fontId="1"/>
  </si>
  <si>
    <t>総回答数42（有効回答数39）</t>
    <rPh sb="0" eb="1">
      <t>ソウ</t>
    </rPh>
    <rPh sb="1" eb="4">
      <t>カイトウスウ</t>
    </rPh>
    <rPh sb="7" eb="9">
      <t>ユウコウ</t>
    </rPh>
    <rPh sb="9" eb="12">
      <t>カイトウスウ</t>
    </rPh>
    <phoneticPr fontId="1"/>
  </si>
  <si>
    <t>その他：遊び場、おむつの自動販売機</t>
    <rPh sb="2" eb="3">
      <t>タ</t>
    </rPh>
    <rPh sb="4" eb="5">
      <t>アソ</t>
    </rPh>
    <rPh sb="6" eb="7">
      <t>バ</t>
    </rPh>
    <rPh sb="12" eb="14">
      <t>ジドウ</t>
    </rPh>
    <rPh sb="14" eb="16">
      <t>ハンバイ</t>
    </rPh>
    <rPh sb="16" eb="17">
      <t>キ</t>
    </rPh>
    <phoneticPr fontId="1"/>
  </si>
  <si>
    <t>それらの施設では、乳幼児用いす、乳幼児用おむつ交換台、授乳スペースのどこまで整備が必要と思いますか。</t>
    <phoneticPr fontId="1"/>
  </si>
  <si>
    <t>乳幼児用設備の中では、おむつ交換台が必要であるという回答が最も多かった。</t>
    <rPh sb="0" eb="4">
      <t>ニュウヨウジヨウ</t>
    </rPh>
    <rPh sb="4" eb="6">
      <t>セツビ</t>
    </rPh>
    <rPh sb="7" eb="8">
      <t>ナカ</t>
    </rPh>
    <rPh sb="29" eb="30">
      <t>モット</t>
    </rPh>
    <phoneticPr fontId="1"/>
  </si>
  <si>
    <t>公共交通機関の駅、施設</t>
    <rPh sb="0" eb="2">
      <t>コウキョウ</t>
    </rPh>
    <rPh sb="2" eb="4">
      <t>コウツウ</t>
    </rPh>
    <rPh sb="4" eb="6">
      <t>キカン</t>
    </rPh>
    <rPh sb="7" eb="8">
      <t>エキ</t>
    </rPh>
    <rPh sb="9" eb="11">
      <t>シセツ</t>
    </rPh>
    <phoneticPr fontId="1"/>
  </si>
  <si>
    <t>商業施設</t>
    <rPh sb="0" eb="2">
      <t>ショウギョウ</t>
    </rPh>
    <rPh sb="2" eb="4">
      <t>シセツ</t>
    </rPh>
    <phoneticPr fontId="1"/>
  </si>
  <si>
    <t>商業施設内訳</t>
    <rPh sb="0" eb="2">
      <t>ショウギョウ</t>
    </rPh>
    <rPh sb="2" eb="4">
      <t>シセツ</t>
    </rPh>
    <rPh sb="4" eb="6">
      <t>ウチワケ</t>
    </rPh>
    <phoneticPr fontId="1"/>
  </si>
  <si>
    <t>３　今後の施策の参考にします</t>
    <phoneticPr fontId="1"/>
  </si>
  <si>
    <t>ブロックの色に関しては、「黄色を原則」として整備ガイドブックの解説に明記している。
例外は、周辺の床材との対比等から明度差・輝度比が十分に確保されず、かつ安全で連続的な道筋を確保できない場合に限るとし、審査窓口でも厳密な指導を行っている。
なお、建築設計標準では、見えづらい場合の対応として、「色が際立つように縁取りを設ける等の配慮」という記載がある。</t>
    <rPh sb="5" eb="6">
      <t>イロ</t>
    </rPh>
    <rPh sb="7" eb="8">
      <t>カン</t>
    </rPh>
    <rPh sb="13" eb="15">
      <t>キイロ</t>
    </rPh>
    <rPh sb="16" eb="18">
      <t>ゲンソク</t>
    </rPh>
    <rPh sb="22" eb="24">
      <t>セイビ</t>
    </rPh>
    <rPh sb="31" eb="33">
      <t>カイセツ</t>
    </rPh>
    <rPh sb="34" eb="36">
      <t>メイキ</t>
    </rPh>
    <rPh sb="46" eb="48">
      <t>シュウヘン</t>
    </rPh>
    <rPh sb="49" eb="50">
      <t>ユカ</t>
    </rPh>
    <rPh sb="50" eb="51">
      <t>ザイ</t>
    </rPh>
    <rPh sb="53" eb="55">
      <t>タイヒ</t>
    </rPh>
    <rPh sb="55" eb="56">
      <t>トウ</t>
    </rPh>
    <rPh sb="58" eb="60">
      <t>メイド</t>
    </rPh>
    <rPh sb="60" eb="61">
      <t>サ</t>
    </rPh>
    <rPh sb="62" eb="64">
      <t>キド</t>
    </rPh>
    <rPh sb="64" eb="65">
      <t>ヒ</t>
    </rPh>
    <rPh sb="66" eb="68">
      <t>ジュウブン</t>
    </rPh>
    <rPh sb="69" eb="71">
      <t>カクホ</t>
    </rPh>
    <rPh sb="77" eb="79">
      <t>アンゼン</t>
    </rPh>
    <rPh sb="80" eb="83">
      <t>レンゾクテキ</t>
    </rPh>
    <rPh sb="84" eb="86">
      <t>ミチスジ</t>
    </rPh>
    <rPh sb="87" eb="89">
      <t>カクホ</t>
    </rPh>
    <rPh sb="93" eb="95">
      <t>バアイ</t>
    </rPh>
    <rPh sb="96" eb="97">
      <t>カギ</t>
    </rPh>
    <rPh sb="101" eb="103">
      <t>シンサ</t>
    </rPh>
    <rPh sb="103" eb="105">
      <t>マドグチ</t>
    </rPh>
    <rPh sb="107" eb="109">
      <t>ゲンミツ</t>
    </rPh>
    <rPh sb="110" eb="112">
      <t>シドウ</t>
    </rPh>
    <rPh sb="113" eb="114">
      <t>オコナ</t>
    </rPh>
    <rPh sb="123" eb="125">
      <t>ケンチク</t>
    </rPh>
    <phoneticPr fontId="1"/>
  </si>
  <si>
    <t>経路について、誘導を行うための設備の整備を求めているのは、「道等から視覚障害者への配慮(点字及び浮彫、音声等)がされた案内板又は案内所まで」であり、ピンポイントで整備が必要な部分は、階段の端部や傾斜路の上端の踊り場等である。</t>
    <rPh sb="0" eb="2">
      <t>ケイロ</t>
    </rPh>
    <rPh sb="7" eb="9">
      <t>ユウドウ</t>
    </rPh>
    <rPh sb="10" eb="11">
      <t>オコナ</t>
    </rPh>
    <rPh sb="15" eb="17">
      <t>セツビ</t>
    </rPh>
    <rPh sb="18" eb="20">
      <t>セイビ</t>
    </rPh>
    <rPh sb="21" eb="22">
      <t>モト</t>
    </rPh>
    <rPh sb="30" eb="31">
      <t>ミチ</t>
    </rPh>
    <rPh sb="31" eb="32">
      <t>トウ</t>
    </rPh>
    <rPh sb="34" eb="36">
      <t>シカク</t>
    </rPh>
    <rPh sb="36" eb="39">
      <t>ショウガイシャ</t>
    </rPh>
    <rPh sb="41" eb="43">
      <t>ハイリョ</t>
    </rPh>
    <rPh sb="44" eb="46">
      <t>テンジ</t>
    </rPh>
    <rPh sb="46" eb="47">
      <t>オヨ</t>
    </rPh>
    <rPh sb="48" eb="50">
      <t>ウキボリ</t>
    </rPh>
    <rPh sb="51" eb="53">
      <t>オンセイ</t>
    </rPh>
    <rPh sb="53" eb="54">
      <t>トウ</t>
    </rPh>
    <rPh sb="59" eb="62">
      <t>アンナイバン</t>
    </rPh>
    <rPh sb="62" eb="63">
      <t>マタ</t>
    </rPh>
    <rPh sb="64" eb="66">
      <t>アンナイ</t>
    </rPh>
    <rPh sb="66" eb="67">
      <t>ジョ</t>
    </rPh>
    <rPh sb="81" eb="83">
      <t>セイビ</t>
    </rPh>
    <rPh sb="84" eb="86">
      <t>ヒツヨウ</t>
    </rPh>
    <rPh sb="87" eb="89">
      <t>ブブン</t>
    </rPh>
    <rPh sb="91" eb="93">
      <t>カイダン</t>
    </rPh>
    <rPh sb="94" eb="96">
      <t>タンブ</t>
    </rPh>
    <rPh sb="97" eb="99">
      <t>ケイシャ</t>
    </rPh>
    <rPh sb="99" eb="100">
      <t>ロ</t>
    </rPh>
    <rPh sb="101" eb="103">
      <t>ジョウタン</t>
    </rPh>
    <rPh sb="104" eb="105">
      <t>オド</t>
    </rPh>
    <rPh sb="106" eb="107">
      <t>バ</t>
    </rPh>
    <rPh sb="107" eb="108">
      <t>トウ</t>
    </rPh>
    <phoneticPr fontId="1"/>
  </si>
  <si>
    <t>「みんなのトイレ以外のトイレ」に関する規定（１以上）があり、障害者等が円滑に利用できる構造として、「車いす使用者が利用できる最小寸法例」(80㎝×200㎝）を踏まえた整備を求めている。また、ベビーチェアは望ましい水準として既に規定している。</t>
    <rPh sb="8" eb="10">
      <t>イガイ</t>
    </rPh>
    <rPh sb="16" eb="17">
      <t>カン</t>
    </rPh>
    <rPh sb="19" eb="21">
      <t>キテイ</t>
    </rPh>
    <rPh sb="23" eb="25">
      <t>イジョウ</t>
    </rPh>
    <rPh sb="30" eb="33">
      <t>ショウガイシャ</t>
    </rPh>
    <rPh sb="33" eb="34">
      <t>トウ</t>
    </rPh>
    <rPh sb="35" eb="37">
      <t>エンカツ</t>
    </rPh>
    <rPh sb="38" eb="40">
      <t>リヨウ</t>
    </rPh>
    <rPh sb="43" eb="45">
      <t>コウゾウ</t>
    </rPh>
    <rPh sb="50" eb="51">
      <t>クルマ</t>
    </rPh>
    <rPh sb="53" eb="56">
      <t>シヨウシャ</t>
    </rPh>
    <rPh sb="57" eb="59">
      <t>リヨウ</t>
    </rPh>
    <rPh sb="62" eb="64">
      <t>サイショウ</t>
    </rPh>
    <rPh sb="64" eb="66">
      <t>スンポウ</t>
    </rPh>
    <rPh sb="66" eb="67">
      <t>レイ</t>
    </rPh>
    <rPh sb="79" eb="80">
      <t>フ</t>
    </rPh>
    <rPh sb="83" eb="85">
      <t>セイビ</t>
    </rPh>
    <rPh sb="86" eb="87">
      <t>モト</t>
    </rPh>
    <rPh sb="102" eb="103">
      <t>ノゾ</t>
    </rPh>
    <rPh sb="106" eb="108">
      <t>スイジュン</t>
    </rPh>
    <rPh sb="111" eb="112">
      <t>スデ</t>
    </rPh>
    <rPh sb="113" eb="115">
      <t>キテイ</t>
    </rPh>
    <phoneticPr fontId="1"/>
  </si>
  <si>
    <t>みんなのトイレ及びただし書きの車いす使用者用便房に関し、「各階ごとに設けるなど利用者の利用に配慮して複数設けること」を望ましい水準として規定している。</t>
    <rPh sb="7" eb="8">
      <t>オヨ</t>
    </rPh>
    <rPh sb="12" eb="13">
      <t>ガ</t>
    </rPh>
    <rPh sb="15" eb="16">
      <t>クルマ</t>
    </rPh>
    <rPh sb="18" eb="22">
      <t>シヨウシャヨウ</t>
    </rPh>
    <rPh sb="22" eb="23">
      <t>ベン</t>
    </rPh>
    <rPh sb="23" eb="24">
      <t>ボウ</t>
    </rPh>
    <rPh sb="25" eb="26">
      <t>カン</t>
    </rPh>
    <rPh sb="29" eb="31">
      <t>カクカイ</t>
    </rPh>
    <rPh sb="34" eb="35">
      <t>モウ</t>
    </rPh>
    <rPh sb="39" eb="41">
      <t>リヨウ</t>
    </rPh>
    <rPh sb="41" eb="42">
      <t>シャ</t>
    </rPh>
    <rPh sb="43" eb="45">
      <t>リヨウ</t>
    </rPh>
    <rPh sb="46" eb="48">
      <t>ハイリョ</t>
    </rPh>
    <rPh sb="50" eb="52">
      <t>フクスウ</t>
    </rPh>
    <rPh sb="52" eb="53">
      <t>モウ</t>
    </rPh>
    <rPh sb="59" eb="60">
      <t>ノゾ</t>
    </rPh>
    <rPh sb="63" eb="65">
      <t>スイジュン</t>
    </rPh>
    <rPh sb="68" eb="70">
      <t>キテイ</t>
    </rPh>
    <phoneticPr fontId="1"/>
  </si>
  <si>
    <t>該当箇所はスクリーン等の機器とプロジェクター等の文字を映し出せる機器の両方を設けるように規定している。</t>
    <rPh sb="0" eb="2">
      <t>ガイトウ</t>
    </rPh>
    <rPh sb="2" eb="4">
      <t>カショ</t>
    </rPh>
    <rPh sb="10" eb="11">
      <t>トウ</t>
    </rPh>
    <rPh sb="12" eb="14">
      <t>キキ</t>
    </rPh>
    <rPh sb="22" eb="23">
      <t>トウ</t>
    </rPh>
    <rPh sb="24" eb="26">
      <t>モジ</t>
    </rPh>
    <rPh sb="27" eb="28">
      <t>ウツ</t>
    </rPh>
    <rPh sb="29" eb="30">
      <t>ダ</t>
    </rPh>
    <rPh sb="32" eb="34">
      <t>キキ</t>
    </rPh>
    <rPh sb="35" eb="37">
      <t>リョウホウ</t>
    </rPh>
    <rPh sb="38" eb="39">
      <t>モウ</t>
    </rPh>
    <rPh sb="44" eb="46">
      <t>キテイ</t>
    </rPh>
    <phoneticPr fontId="1"/>
  </si>
  <si>
    <t>建築設計標準では、主要な経路の出入口に戸を設ける場合には、自動的に開閉する構造その他の車いす使用者が容易に開閉して通過できる構造とすることとしている。
なお、建築設計標準では、災害時に備え、自動引き戸の場合でも、手動式の戸を併設することが望ましいとしている。</t>
    <rPh sb="0" eb="2">
      <t>ケンチク</t>
    </rPh>
    <rPh sb="2" eb="4">
      <t>セッケイ</t>
    </rPh>
    <rPh sb="4" eb="6">
      <t>ヒョウジュン</t>
    </rPh>
    <rPh sb="9" eb="11">
      <t>シュヨウ</t>
    </rPh>
    <rPh sb="12" eb="14">
      <t>ケイロ</t>
    </rPh>
    <rPh sb="15" eb="18">
      <t>デイリグチ</t>
    </rPh>
    <rPh sb="19" eb="20">
      <t>ト</t>
    </rPh>
    <rPh sb="21" eb="22">
      <t>モウ</t>
    </rPh>
    <rPh sb="24" eb="26">
      <t>バアイ</t>
    </rPh>
    <rPh sb="29" eb="32">
      <t>ジドウテキ</t>
    </rPh>
    <rPh sb="33" eb="35">
      <t>カイヘイ</t>
    </rPh>
    <rPh sb="37" eb="39">
      <t>コウゾウ</t>
    </rPh>
    <rPh sb="41" eb="42">
      <t>タ</t>
    </rPh>
    <rPh sb="43" eb="44">
      <t>クルマ</t>
    </rPh>
    <rPh sb="46" eb="49">
      <t>シヨウシャ</t>
    </rPh>
    <rPh sb="50" eb="52">
      <t>ヨウイ</t>
    </rPh>
    <rPh sb="53" eb="55">
      <t>カイヘイ</t>
    </rPh>
    <rPh sb="57" eb="59">
      <t>ツウカ</t>
    </rPh>
    <rPh sb="62" eb="64">
      <t>コウゾウ</t>
    </rPh>
    <rPh sb="79" eb="81">
      <t>ケンチク</t>
    </rPh>
    <rPh sb="81" eb="83">
      <t>セッケイ</t>
    </rPh>
    <rPh sb="83" eb="85">
      <t>ヒョウジュン</t>
    </rPh>
    <rPh sb="88" eb="90">
      <t>サイガイ</t>
    </rPh>
    <rPh sb="90" eb="91">
      <t>ジ</t>
    </rPh>
    <rPh sb="92" eb="93">
      <t>ソナ</t>
    </rPh>
    <rPh sb="95" eb="97">
      <t>ジドウ</t>
    </rPh>
    <rPh sb="97" eb="98">
      <t>ヒ</t>
    </rPh>
    <rPh sb="99" eb="100">
      <t>ド</t>
    </rPh>
    <rPh sb="101" eb="103">
      <t>バアイ</t>
    </rPh>
    <rPh sb="106" eb="109">
      <t>シュドウシキ</t>
    </rPh>
    <rPh sb="110" eb="111">
      <t>ト</t>
    </rPh>
    <rPh sb="112" eb="114">
      <t>ヘイセツ</t>
    </rPh>
    <rPh sb="119" eb="120">
      <t>ノゾ</t>
    </rPh>
    <phoneticPr fontId="1"/>
  </si>
  <si>
    <t>施設の管理について権原を有する者は、当該防火対象物の廊下、階段、避難口その他の避難上必要な施設について避難の支障になる物件が放置され、又はみだりに存置されないように管理し、かつ、防火戸についてその閉鎖の支障になる物件が放置され、又はみだりに存置されないように管理しなければならないとしている。</t>
    <rPh sb="0" eb="2">
      <t>シセツ</t>
    </rPh>
    <phoneticPr fontId="1"/>
  </si>
  <si>
    <t>延べ人数</t>
    <rPh sb="0" eb="1">
      <t>ノ</t>
    </rPh>
    <rPh sb="2" eb="4">
      <t>ニンズウ</t>
    </rPh>
    <phoneticPr fontId="1"/>
  </si>
  <si>
    <t>官公庁施設（区役所等）</t>
    <rPh sb="0" eb="3">
      <t>カンコウチョウ</t>
    </rPh>
    <rPh sb="3" eb="5">
      <t>シセツ</t>
    </rPh>
    <rPh sb="6" eb="9">
      <t>クヤクショ</t>
    </rPh>
    <rPh sb="9" eb="10">
      <t>トウ</t>
    </rPh>
    <phoneticPr fontId="1"/>
  </si>
  <si>
    <t>教育文化施設内訳</t>
    <rPh sb="0" eb="6">
      <t>キョウイクブンカシセツ</t>
    </rPh>
    <rPh sb="6" eb="8">
      <t>ウチワケ</t>
    </rPh>
    <phoneticPr fontId="1"/>
  </si>
  <si>
    <t>延べ人数</t>
    <rPh sb="0" eb="1">
      <t>ノ</t>
    </rPh>
    <rPh sb="2" eb="4">
      <t>ニンズウ</t>
    </rPh>
    <phoneticPr fontId="1"/>
  </si>
  <si>
    <t>公民館（２の項（４））</t>
    <rPh sb="0" eb="3">
      <t>コウミンカン</t>
    </rPh>
    <rPh sb="6" eb="7">
      <t>コウ</t>
    </rPh>
    <phoneticPr fontId="1"/>
  </si>
  <si>
    <t>図書館、博物館等（２の項（２））</t>
    <rPh sb="0" eb="3">
      <t>トショカン</t>
    </rPh>
    <rPh sb="4" eb="7">
      <t>ハクブツカン</t>
    </rPh>
    <rPh sb="7" eb="8">
      <t>トウ</t>
    </rPh>
    <rPh sb="11" eb="12">
      <t>コウ</t>
    </rPh>
    <phoneticPr fontId="1"/>
  </si>
  <si>
    <t>遊園地、動物園、水族館（２の項（３））</t>
    <rPh sb="0" eb="3">
      <t>ユウエンチ</t>
    </rPh>
    <rPh sb="4" eb="7">
      <t>ドウブツエン</t>
    </rPh>
    <rPh sb="8" eb="11">
      <t>スイゾクカン</t>
    </rPh>
    <rPh sb="14" eb="15">
      <t>コウ</t>
    </rPh>
    <phoneticPr fontId="1"/>
  </si>
  <si>
    <t>教育文化施設（図書館、公民館等）</t>
    <rPh sb="0" eb="2">
      <t>キョウイク</t>
    </rPh>
    <rPh sb="2" eb="4">
      <t>ブンカ</t>
    </rPh>
    <rPh sb="4" eb="6">
      <t>シセツ</t>
    </rPh>
    <rPh sb="7" eb="10">
      <t>トショカン</t>
    </rPh>
    <rPh sb="11" eb="14">
      <t>コウミンカン</t>
    </rPh>
    <rPh sb="14" eb="15">
      <t>トウ</t>
    </rPh>
    <phoneticPr fontId="1"/>
  </si>
  <si>
    <t>表１</t>
    <rPh sb="0" eb="1">
      <t>ヒョウ</t>
    </rPh>
    <phoneticPr fontId="1"/>
  </si>
  <si>
    <t>表２</t>
    <rPh sb="0" eb="1">
      <t>ヒョウ</t>
    </rPh>
    <phoneticPr fontId="1"/>
  </si>
  <si>
    <t>表３</t>
    <rPh sb="0" eb="1">
      <t>ヒョウ</t>
    </rPh>
    <phoneticPr fontId="1"/>
  </si>
  <si>
    <t>※表３　参照</t>
    <rPh sb="1" eb="2">
      <t>ヒョウ</t>
    </rPh>
    <rPh sb="4" eb="6">
      <t>サンショウ</t>
    </rPh>
    <phoneticPr fontId="1"/>
  </si>
  <si>
    <t>※表２　参照</t>
    <rPh sb="1" eb="2">
      <t>ヒョウ</t>
    </rPh>
    <rPh sb="4" eb="6">
      <t>サンショウ</t>
    </rPh>
    <phoneticPr fontId="1"/>
  </si>
  <si>
    <t>1　今回の改正で反映</t>
    <phoneticPr fontId="1"/>
  </si>
  <si>
    <t>努力規定：官公庁施設、教育文化施設（図書館等）、福祉施設、運動施設、興行・遊興施設、展示施設
望ましい水準：その他公共的施設</t>
    <rPh sb="18" eb="21">
      <t>トショカン</t>
    </rPh>
    <rPh sb="21" eb="22">
      <t>トウ</t>
    </rPh>
    <rPh sb="24" eb="26">
      <t>フクシ</t>
    </rPh>
    <rPh sb="26" eb="28">
      <t>シセツ</t>
    </rPh>
    <rPh sb="29" eb="31">
      <t>ウンドウ</t>
    </rPh>
    <rPh sb="31" eb="33">
      <t>シセツ</t>
    </rPh>
    <rPh sb="34" eb="36">
      <t>コウギョウ</t>
    </rPh>
    <rPh sb="37" eb="39">
      <t>ユウキョウ</t>
    </rPh>
    <rPh sb="39" eb="41">
      <t>シセツ</t>
    </rPh>
    <rPh sb="42" eb="44">
      <t>テンジ</t>
    </rPh>
    <rPh sb="44" eb="46">
      <t>シセツ</t>
    </rPh>
    <phoneticPr fontId="1"/>
  </si>
  <si>
    <t>　手話通訳の提供は、情報アクセシビリティを確保・向上するためのJIS基準（JIS X 8431）では最も高い適合等級であるレベルAAAとなっていること、又、手話通訳の養成件数等を勘案すると規定した場合の事業者負担や遵守可能性が高いとは言い難い。
　このため、努力規定となっている対象施設を遵守規定に引き上げることは時期尚早と思われ、今回の改正には反映しない。</t>
    <rPh sb="1" eb="3">
      <t>シュワ</t>
    </rPh>
    <rPh sb="3" eb="5">
      <t>ツウヤク</t>
    </rPh>
    <rPh sb="6" eb="8">
      <t>テイキョウ</t>
    </rPh>
    <rPh sb="10" eb="12">
      <t>ジョウホウ</t>
    </rPh>
    <rPh sb="21" eb="23">
      <t>カクホ</t>
    </rPh>
    <rPh sb="24" eb="26">
      <t>コウジョウ</t>
    </rPh>
    <rPh sb="34" eb="36">
      <t>キジュン</t>
    </rPh>
    <rPh sb="50" eb="51">
      <t>モット</t>
    </rPh>
    <rPh sb="52" eb="53">
      <t>タカ</t>
    </rPh>
    <rPh sb="54" eb="56">
      <t>テキゴウ</t>
    </rPh>
    <rPh sb="56" eb="58">
      <t>トウキュウ</t>
    </rPh>
    <rPh sb="76" eb="77">
      <t>マタ</t>
    </rPh>
    <rPh sb="78" eb="80">
      <t>シュワ</t>
    </rPh>
    <rPh sb="80" eb="82">
      <t>ツウヤク</t>
    </rPh>
    <rPh sb="83" eb="85">
      <t>ヨウセイ</t>
    </rPh>
    <rPh sb="85" eb="87">
      <t>ケンスウ</t>
    </rPh>
    <rPh sb="87" eb="88">
      <t>トウ</t>
    </rPh>
    <rPh sb="89" eb="91">
      <t>カンアン</t>
    </rPh>
    <rPh sb="94" eb="96">
      <t>キテイ</t>
    </rPh>
    <rPh sb="98" eb="100">
      <t>バアイ</t>
    </rPh>
    <rPh sb="101" eb="103">
      <t>ジギョウ</t>
    </rPh>
    <rPh sb="103" eb="104">
      <t>シャ</t>
    </rPh>
    <rPh sb="104" eb="106">
      <t>フタン</t>
    </rPh>
    <rPh sb="107" eb="112">
      <t>ジュンシュカノウセイ</t>
    </rPh>
    <rPh sb="113" eb="114">
      <t>タカ</t>
    </rPh>
    <rPh sb="117" eb="118">
      <t>イ</t>
    </rPh>
    <rPh sb="119" eb="120">
      <t>ガタ</t>
    </rPh>
    <rPh sb="129" eb="131">
      <t>ドリョク</t>
    </rPh>
    <rPh sb="131" eb="133">
      <t>キテイ</t>
    </rPh>
    <rPh sb="139" eb="141">
      <t>タイショウ</t>
    </rPh>
    <rPh sb="141" eb="143">
      <t>シセツ</t>
    </rPh>
    <rPh sb="144" eb="146">
      <t>ジュンシュ</t>
    </rPh>
    <rPh sb="146" eb="148">
      <t>キテイ</t>
    </rPh>
    <rPh sb="157" eb="159">
      <t>ジキ</t>
    </rPh>
    <rPh sb="159" eb="161">
      <t>ショウソウ</t>
    </rPh>
    <rPh sb="162" eb="163">
      <t>オモ</t>
    </rPh>
    <rPh sb="166" eb="168">
      <t>コンカイ</t>
    </rPh>
    <rPh sb="169" eb="171">
      <t>カイセイ</t>
    </rPh>
    <rPh sb="173" eb="175">
      <t>ハンエイ</t>
    </rPh>
    <phoneticPr fontId="1"/>
  </si>
  <si>
    <t>対応</t>
    <rPh sb="0" eb="2">
      <t>タイオウ</t>
    </rPh>
    <phoneticPr fontId="1"/>
  </si>
  <si>
    <t>既に「車いす使用者用便房」という名称が政令で定義されており、ここに別の条件を付加するなどの状況がない限り、規則には新名称は必要はないため、対応しない。</t>
    <rPh sb="69" eb="71">
      <t>タイオウ</t>
    </rPh>
    <phoneticPr fontId="1"/>
  </si>
  <si>
    <t>改正案では、乳幼児設備が設けられていることを表示すること及び案内設備への記載する。（近隣自治体の例でも同様に表示に関する規定あり）</t>
    <rPh sb="44" eb="47">
      <t>ジチタイ</t>
    </rPh>
    <phoneticPr fontId="1"/>
  </si>
  <si>
    <t>施設種別や利用者の状況によって、必要な数の便房が確保されることが重要（建築設計標準も同様の考え方）であり、一律に規模に応じて基準化することは困難であることから、引き続き望ましい水準として整理する。</t>
    <rPh sb="19" eb="20">
      <t>スウ</t>
    </rPh>
    <rPh sb="35" eb="37">
      <t>ケンチク</t>
    </rPh>
    <rPh sb="37" eb="39">
      <t>セッケイ</t>
    </rPh>
    <rPh sb="39" eb="41">
      <t>ヒョウジュン</t>
    </rPh>
    <rPh sb="42" eb="44">
      <t>ドウヨウ</t>
    </rPh>
    <rPh sb="45" eb="46">
      <t>カンガ</t>
    </rPh>
    <rPh sb="47" eb="48">
      <t>カタ</t>
    </rPh>
    <rPh sb="53" eb="55">
      <t>イチリツ</t>
    </rPh>
    <rPh sb="56" eb="58">
      <t>キボ</t>
    </rPh>
    <rPh sb="59" eb="60">
      <t>オウ</t>
    </rPh>
    <rPh sb="62" eb="65">
      <t>キジュンカ</t>
    </rPh>
    <rPh sb="70" eb="72">
      <t>コンナン</t>
    </rPh>
    <rPh sb="80" eb="81">
      <t>ヒ</t>
    </rPh>
    <rPh sb="82" eb="83">
      <t>ツヅ</t>
    </rPh>
    <rPh sb="84" eb="85">
      <t>ノゾ</t>
    </rPh>
    <rPh sb="88" eb="90">
      <t>スイジュン</t>
    </rPh>
    <rPh sb="93" eb="95">
      <t>セイリ</t>
    </rPh>
    <phoneticPr fontId="1"/>
  </si>
  <si>
    <t>整備ガイドブックの整備例として記載する。</t>
    <rPh sb="0" eb="2">
      <t>セイビ</t>
    </rPh>
    <rPh sb="9" eb="11">
      <t>セイビ</t>
    </rPh>
    <rPh sb="11" eb="12">
      <t>レイ</t>
    </rPh>
    <rPh sb="15" eb="17">
      <t>キサイ</t>
    </rPh>
    <phoneticPr fontId="1"/>
  </si>
  <si>
    <t>整備基準として設定するのではなく、ガイドブックの整備例として考え方を記載する。</t>
    <rPh sb="0" eb="2">
      <t>セイビ</t>
    </rPh>
    <rPh sb="2" eb="4">
      <t>キジュン</t>
    </rPh>
    <rPh sb="7" eb="9">
      <t>セッテイ</t>
    </rPh>
    <rPh sb="24" eb="26">
      <t>セイビ</t>
    </rPh>
    <rPh sb="26" eb="27">
      <t>レイ</t>
    </rPh>
    <rPh sb="30" eb="31">
      <t>カンガ</t>
    </rPh>
    <rPh sb="32" eb="33">
      <t>カタ</t>
    </rPh>
    <rPh sb="34" eb="36">
      <t>キサイ</t>
    </rPh>
    <phoneticPr fontId="1"/>
  </si>
  <si>
    <t>　建築基準法や消防法にハード含め規定ある中で災害対応についての意見が出ることについては、実際の誘導や案内、安全な経路の事前確認等についてのご意見と思われる。
　「条例見直し検討会議」の議論・整理において、災害対応は基本的には他の個別施策で対応する内容が多いが、「(5)施設の円滑な利用のための支援」において、こうした視点も含め、建築物の事前協議時の提出書類等での工夫を図る予定としている。
　また、避難訓練の活用（要配慮者対策への働きかけ）等を関連部局へ働きかけることを検討する。
　なお、（３）項目については、既存基準・建築基準法で類似規定があり、整合を確認した結果、これらの整備基準で対応するとともに上記事前協議時の書類の工夫等、施策での対応を検討したい。</t>
    <phoneticPr fontId="1"/>
  </si>
  <si>
    <t>関連団体等への意見照会の結果や県に寄せられた要望、近隣自治体における整備基準の状況、遵守実現可能性等も勘案し、現在、努力規定としている施設種別のうち、床面積1,000㎡以上のものについて、遵守規定に引き上げる。</t>
    <rPh sb="0" eb="2">
      <t>カンレン</t>
    </rPh>
    <phoneticPr fontId="1"/>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12" x14ac:knownFonts="1">
    <font>
      <sz val="12"/>
      <color theme="1"/>
      <name val="ＭＳ 明朝"/>
      <family val="2"/>
      <charset val="128"/>
    </font>
    <font>
      <sz val="6"/>
      <name val="ＭＳ 明朝"/>
      <family val="2"/>
      <charset val="128"/>
    </font>
    <font>
      <sz val="16"/>
      <name val="游ゴシック"/>
      <family val="3"/>
      <charset val="128"/>
      <scheme val="minor"/>
    </font>
    <font>
      <sz val="18"/>
      <name val="游ゴシック"/>
      <family val="3"/>
      <charset val="128"/>
      <scheme val="minor"/>
    </font>
    <font>
      <sz val="20"/>
      <name val="游ゴシック"/>
      <family val="3"/>
      <charset val="128"/>
      <scheme val="minor"/>
    </font>
    <font>
      <u/>
      <sz val="20"/>
      <name val="游ゴシック"/>
      <family val="3"/>
      <charset val="128"/>
      <scheme val="minor"/>
    </font>
    <font>
      <sz val="12"/>
      <color theme="1"/>
      <name val="游ゴシック"/>
      <family val="3"/>
      <charset val="128"/>
      <scheme val="minor"/>
    </font>
    <font>
      <sz val="14"/>
      <color theme="1"/>
      <name val="游ゴシック"/>
      <family val="3"/>
      <charset val="128"/>
      <scheme val="minor"/>
    </font>
    <font>
      <sz val="18"/>
      <color theme="1"/>
      <name val="游ゴシック"/>
      <family val="3"/>
      <charset val="128"/>
      <scheme val="minor"/>
    </font>
    <font>
      <sz val="14"/>
      <color rgb="FFFF0000"/>
      <name val="游ゴシック"/>
      <family val="3"/>
      <charset val="128"/>
      <scheme val="minor"/>
    </font>
    <font>
      <sz val="16"/>
      <color theme="1"/>
      <name val="游ゴシック"/>
      <family val="3"/>
      <charset val="128"/>
      <scheme val="minor"/>
    </font>
    <font>
      <sz val="12"/>
      <name val="游ゴシック"/>
      <family val="3"/>
      <charset val="128"/>
      <scheme val="minor"/>
    </font>
  </fonts>
  <fills count="3">
    <fill>
      <patternFill patternType="none"/>
    </fill>
    <fill>
      <patternFill patternType="gray125"/>
    </fill>
    <fill>
      <patternFill patternType="solid">
        <fgColor theme="0" tint="-4.9989318521683403E-2"/>
        <bgColor indexed="64"/>
      </patternFill>
    </fill>
  </fills>
  <borders count="32">
    <border>
      <left/>
      <right/>
      <top/>
      <bottom/>
      <diagonal/>
    </border>
    <border>
      <left style="thin">
        <color indexed="64"/>
      </left>
      <right style="thin">
        <color indexed="64"/>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style="thin">
        <color indexed="64"/>
      </right>
      <top/>
      <bottom style="thin">
        <color indexed="64"/>
      </bottom>
      <diagonal/>
    </border>
    <border>
      <left style="thin">
        <color indexed="64"/>
      </left>
      <right/>
      <top style="thin">
        <color indexed="64"/>
      </top>
      <bottom/>
      <diagonal/>
    </border>
    <border>
      <left/>
      <right style="thin">
        <color indexed="64"/>
      </right>
      <top style="thin">
        <color indexed="64"/>
      </top>
      <bottom/>
      <diagonal/>
    </border>
    <border>
      <left style="thin">
        <color indexed="64"/>
      </left>
      <right/>
      <top style="thin">
        <color indexed="64"/>
      </top>
      <bottom style="thin">
        <color indexed="64"/>
      </bottom>
      <diagonal/>
    </border>
    <border>
      <left style="thin">
        <color indexed="64"/>
      </left>
      <right/>
      <top/>
      <bottom/>
      <diagonal/>
    </border>
    <border>
      <left/>
      <right style="thin">
        <color indexed="64"/>
      </right>
      <top/>
      <bottom/>
      <diagonal/>
    </border>
    <border>
      <left style="thin">
        <color indexed="64"/>
      </left>
      <right/>
      <top/>
      <bottom style="double">
        <color indexed="64"/>
      </bottom>
      <diagonal/>
    </border>
    <border>
      <left/>
      <right style="thin">
        <color indexed="64"/>
      </right>
      <top/>
      <bottom style="double">
        <color indexed="64"/>
      </bottom>
      <diagonal/>
    </border>
    <border>
      <left style="thin">
        <color indexed="64"/>
      </left>
      <right style="thin">
        <color indexed="64"/>
      </right>
      <top style="thin">
        <color indexed="64"/>
      </top>
      <bottom style="double">
        <color indexed="64"/>
      </bottom>
      <diagonal/>
    </border>
    <border>
      <left style="thin">
        <color indexed="64"/>
      </left>
      <right style="thin">
        <color indexed="64"/>
      </right>
      <top/>
      <bottom/>
      <diagonal/>
    </border>
    <border>
      <left style="thin">
        <color indexed="64"/>
      </left>
      <right/>
      <top/>
      <bottom style="thin">
        <color indexed="64"/>
      </bottom>
      <diagonal/>
    </border>
    <border>
      <left/>
      <right style="thin">
        <color indexed="64"/>
      </right>
      <top/>
      <bottom style="thin">
        <color indexed="64"/>
      </bottom>
      <diagonal/>
    </border>
    <border>
      <left style="thin">
        <color indexed="64"/>
      </left>
      <right style="thin">
        <color indexed="64"/>
      </right>
      <top/>
      <bottom style="double">
        <color indexed="64"/>
      </bottom>
      <diagonal/>
    </border>
    <border>
      <left style="medium">
        <color indexed="64"/>
      </left>
      <right style="medium">
        <color indexed="64"/>
      </right>
      <top style="medium">
        <color indexed="64"/>
      </top>
      <bottom style="medium">
        <color indexed="64"/>
      </bottom>
      <diagonal/>
    </border>
    <border>
      <left/>
      <right/>
      <top style="medium">
        <color indexed="64"/>
      </top>
      <bottom style="medium">
        <color indexed="64"/>
      </bottom>
      <diagonal/>
    </border>
    <border>
      <left style="medium">
        <color indexed="64"/>
      </left>
      <right/>
      <top style="medium">
        <color indexed="64"/>
      </top>
      <bottom style="medium">
        <color indexed="64"/>
      </bottom>
      <diagonal/>
    </border>
    <border>
      <left style="medium">
        <color indexed="64"/>
      </left>
      <right style="medium">
        <color indexed="64"/>
      </right>
      <top style="medium">
        <color indexed="64"/>
      </top>
      <bottom style="thin">
        <color indexed="64"/>
      </bottom>
      <diagonal/>
    </border>
    <border>
      <left style="medium">
        <color indexed="64"/>
      </left>
      <right style="medium">
        <color indexed="64"/>
      </right>
      <top/>
      <bottom style="thin">
        <color indexed="64"/>
      </bottom>
      <diagonal/>
    </border>
    <border>
      <left/>
      <right/>
      <top/>
      <bottom style="thin">
        <color indexed="64"/>
      </bottom>
      <diagonal/>
    </border>
    <border>
      <left style="medium">
        <color indexed="64"/>
      </left>
      <right/>
      <top/>
      <bottom style="thin">
        <color indexed="64"/>
      </bottom>
      <diagonal/>
    </border>
    <border>
      <left style="medium">
        <color indexed="64"/>
      </left>
      <right style="medium">
        <color indexed="64"/>
      </right>
      <top style="thin">
        <color indexed="64"/>
      </top>
      <bottom style="thin">
        <color indexed="64"/>
      </bottom>
      <diagonal/>
    </border>
    <border>
      <left/>
      <right/>
      <top style="thin">
        <color indexed="64"/>
      </top>
      <bottom style="thin">
        <color indexed="64"/>
      </bottom>
      <diagonal/>
    </border>
    <border>
      <left style="medium">
        <color indexed="64"/>
      </left>
      <right/>
      <top style="thin">
        <color indexed="64"/>
      </top>
      <bottom style="thin">
        <color indexed="64"/>
      </bottom>
      <diagonal/>
    </border>
    <border>
      <left style="medium">
        <color indexed="64"/>
      </left>
      <right style="medium">
        <color indexed="64"/>
      </right>
      <top style="thin">
        <color indexed="64"/>
      </top>
      <bottom style="medium">
        <color indexed="64"/>
      </bottom>
      <diagonal/>
    </border>
    <border>
      <left/>
      <right/>
      <top style="thin">
        <color indexed="64"/>
      </top>
      <bottom style="medium">
        <color indexed="64"/>
      </bottom>
      <diagonal/>
    </border>
    <border>
      <left style="medium">
        <color indexed="64"/>
      </left>
      <right/>
      <top style="thin">
        <color indexed="64"/>
      </top>
      <bottom style="medium">
        <color indexed="64"/>
      </bottom>
      <diagonal/>
    </border>
    <border>
      <left/>
      <right style="thin">
        <color indexed="64"/>
      </right>
      <top style="double">
        <color indexed="64"/>
      </top>
      <bottom/>
      <diagonal/>
    </border>
    <border>
      <left style="thin">
        <color indexed="64"/>
      </left>
      <right style="thin">
        <color indexed="64"/>
      </right>
      <top style="double">
        <color indexed="64"/>
      </top>
      <bottom style="thin">
        <color indexed="64"/>
      </bottom>
      <diagonal/>
    </border>
    <border>
      <left style="thin">
        <color indexed="64"/>
      </left>
      <right style="thin">
        <color indexed="64"/>
      </right>
      <top style="double">
        <color indexed="64"/>
      </top>
      <bottom/>
      <diagonal/>
    </border>
  </borders>
  <cellStyleXfs count="1">
    <xf numFmtId="0" fontId="0" fillId="0" borderId="0">
      <alignment vertical="center"/>
    </xf>
  </cellStyleXfs>
  <cellXfs count="93">
    <xf numFmtId="0" fontId="0" fillId="0" borderId="0" xfId="0">
      <alignment vertical="center"/>
    </xf>
    <xf numFmtId="0" fontId="2" fillId="0" borderId="0" xfId="0" applyFont="1" applyFill="1" applyAlignment="1">
      <alignment horizontal="left" vertical="center"/>
    </xf>
    <xf numFmtId="0" fontId="2" fillId="0" borderId="0" xfId="0" applyFont="1" applyFill="1">
      <alignment vertical="center"/>
    </xf>
    <xf numFmtId="0" fontId="2" fillId="0" borderId="0" xfId="0" applyFont="1" applyFill="1" applyAlignment="1">
      <alignment vertical="center" wrapText="1"/>
    </xf>
    <xf numFmtId="0" fontId="2" fillId="0" borderId="0" xfId="0" applyFont="1" applyFill="1" applyAlignment="1">
      <alignment horizontal="center" vertical="center"/>
    </xf>
    <xf numFmtId="0" fontId="3" fillId="0" borderId="0" xfId="0" applyFont="1" applyFill="1" applyAlignment="1">
      <alignment vertical="center" wrapText="1"/>
    </xf>
    <xf numFmtId="0" fontId="4" fillId="0" borderId="0" xfId="0" applyFont="1" applyFill="1">
      <alignment vertical="center"/>
    </xf>
    <xf numFmtId="0" fontId="4" fillId="0" borderId="0" xfId="0" applyFont="1" applyFill="1" applyAlignment="1">
      <alignment vertical="center" wrapText="1"/>
    </xf>
    <xf numFmtId="0" fontId="4" fillId="0" borderId="0" xfId="0" applyFont="1" applyFill="1" applyAlignment="1">
      <alignment horizontal="left" vertical="center"/>
    </xf>
    <xf numFmtId="0" fontId="4" fillId="0" borderId="6" xfId="0" applyFont="1" applyFill="1" applyBorder="1" applyAlignment="1">
      <alignment horizontal="center" vertical="center"/>
    </xf>
    <xf numFmtId="0" fontId="4" fillId="0" borderId="2" xfId="0" applyFont="1" applyFill="1" applyBorder="1">
      <alignment vertical="center"/>
    </xf>
    <xf numFmtId="0" fontId="4" fillId="0" borderId="1" xfId="0" applyFont="1" applyFill="1" applyBorder="1" applyAlignment="1">
      <alignment horizontal="center" vertical="center" wrapText="1"/>
    </xf>
    <xf numFmtId="0" fontId="4" fillId="0" borderId="1" xfId="0" applyFont="1" applyFill="1" applyBorder="1" applyAlignment="1">
      <alignment horizontal="center" vertical="center"/>
    </xf>
    <xf numFmtId="0" fontId="4" fillId="0" borderId="4" xfId="0" applyFont="1" applyFill="1" applyBorder="1" applyAlignment="1">
      <alignment horizontal="center" vertical="center"/>
    </xf>
    <xf numFmtId="0" fontId="4" fillId="0" borderId="5" xfId="0" applyFont="1" applyFill="1" applyBorder="1" applyAlignment="1">
      <alignment vertical="center" wrapText="1"/>
    </xf>
    <xf numFmtId="0" fontId="4" fillId="0" borderId="1" xfId="0" applyFont="1" applyFill="1" applyBorder="1" applyAlignment="1">
      <alignment vertical="center" wrapText="1"/>
    </xf>
    <xf numFmtId="0" fontId="4" fillId="0" borderId="9" xfId="0" applyFont="1" applyFill="1" applyBorder="1" applyAlignment="1">
      <alignment horizontal="center" vertical="center"/>
    </xf>
    <xf numFmtId="0" fontId="4" fillId="0" borderId="10" xfId="0" applyFont="1" applyFill="1" applyBorder="1">
      <alignment vertical="center"/>
    </xf>
    <xf numFmtId="0" fontId="4" fillId="0" borderId="11" xfId="0" applyFont="1" applyFill="1" applyBorder="1" applyAlignment="1">
      <alignment vertical="center" wrapText="1"/>
    </xf>
    <xf numFmtId="0" fontId="4" fillId="0" borderId="7" xfId="0" applyFont="1" applyFill="1" applyBorder="1" applyAlignment="1">
      <alignment horizontal="center" vertical="center"/>
    </xf>
    <xf numFmtId="0" fontId="4" fillId="0" borderId="8" xfId="0" applyFont="1" applyFill="1" applyBorder="1" applyAlignment="1">
      <alignment vertical="center" wrapText="1"/>
    </xf>
    <xf numFmtId="0" fontId="4" fillId="0" borderId="3" xfId="0" applyFont="1" applyFill="1" applyBorder="1" applyAlignment="1">
      <alignment vertical="center" wrapText="1"/>
    </xf>
    <xf numFmtId="0" fontId="4" fillId="0" borderId="8" xfId="0" applyFont="1" applyFill="1" applyBorder="1">
      <alignment vertical="center"/>
    </xf>
    <xf numFmtId="0" fontId="4" fillId="0" borderId="0" xfId="0" applyFont="1" applyFill="1" applyAlignment="1">
      <alignment horizontal="center" vertical="center"/>
    </xf>
    <xf numFmtId="0" fontId="4" fillId="0" borderId="1" xfId="0" applyFont="1" applyFill="1" applyBorder="1" applyAlignment="1">
      <alignment horizontal="justify" vertical="center" wrapText="1"/>
    </xf>
    <xf numFmtId="0" fontId="4" fillId="0" borderId="11" xfId="0" applyFont="1" applyFill="1" applyBorder="1" applyAlignment="1">
      <alignment horizontal="justify" vertical="center" wrapText="1"/>
    </xf>
    <xf numFmtId="0" fontId="4" fillId="0" borderId="3" xfId="0" applyFont="1" applyFill="1" applyBorder="1" applyAlignment="1">
      <alignment horizontal="justify" vertical="center" wrapText="1"/>
    </xf>
    <xf numFmtId="0" fontId="4" fillId="0" borderId="8" xfId="0" applyFont="1" applyBorder="1" applyAlignment="1">
      <alignment vertical="center" wrapText="1"/>
    </xf>
    <xf numFmtId="0" fontId="4" fillId="0" borderId="1" xfId="0" applyFont="1" applyBorder="1" applyAlignment="1">
      <alignment horizontal="justify" vertical="center"/>
    </xf>
    <xf numFmtId="0" fontId="4" fillId="0" borderId="13" xfId="0" applyFont="1" applyFill="1" applyBorder="1" applyAlignment="1">
      <alignment horizontal="center" vertical="center"/>
    </xf>
    <xf numFmtId="0" fontId="4" fillId="0" borderId="14" xfId="0" applyFont="1" applyFill="1" applyBorder="1">
      <alignment vertical="center"/>
    </xf>
    <xf numFmtId="0" fontId="4" fillId="0" borderId="3" xfId="0" applyFont="1" applyFill="1" applyBorder="1" applyAlignment="1">
      <alignment horizontal="center" vertical="center" wrapText="1"/>
    </xf>
    <xf numFmtId="0" fontId="4" fillId="0" borderId="1" xfId="0" applyFont="1" applyFill="1" applyBorder="1" applyAlignment="1">
      <alignment horizontal="left" vertical="center" wrapText="1"/>
    </xf>
    <xf numFmtId="0" fontId="4" fillId="0" borderId="3" xfId="0" applyFont="1" applyFill="1" applyBorder="1" applyAlignment="1">
      <alignment horizontal="center" vertical="center"/>
    </xf>
    <xf numFmtId="0" fontId="4" fillId="0" borderId="11" xfId="0" applyFont="1" applyFill="1" applyBorder="1" applyAlignment="1">
      <alignment horizontal="center" vertical="center" wrapText="1"/>
    </xf>
    <xf numFmtId="0" fontId="6" fillId="0" borderId="0" xfId="0" applyFont="1">
      <alignment vertical="center"/>
    </xf>
    <xf numFmtId="0" fontId="7" fillId="0" borderId="0" xfId="0" applyFont="1">
      <alignment vertical="center"/>
    </xf>
    <xf numFmtId="0" fontId="7" fillId="0" borderId="0" xfId="0" applyFont="1" applyAlignment="1">
      <alignment vertical="center" wrapText="1"/>
    </xf>
    <xf numFmtId="0" fontId="7" fillId="2" borderId="1" xfId="0" applyFont="1" applyFill="1" applyBorder="1" applyAlignment="1">
      <alignment horizontal="center" vertical="center"/>
    </xf>
    <xf numFmtId="0" fontId="7" fillId="0" borderId="0" xfId="0" applyFont="1" applyAlignment="1">
      <alignment horizontal="center" vertical="center"/>
    </xf>
    <xf numFmtId="0" fontId="6" fillId="0" borderId="0" xfId="0" applyFont="1" applyAlignment="1">
      <alignment vertical="center" wrapText="1"/>
    </xf>
    <xf numFmtId="0" fontId="6" fillId="0" borderId="0" xfId="0" applyFont="1" applyAlignment="1">
      <alignment horizontal="right" vertical="center"/>
    </xf>
    <xf numFmtId="0" fontId="7" fillId="0" borderId="1" xfId="0" applyFont="1" applyBorder="1">
      <alignment vertical="center"/>
    </xf>
    <xf numFmtId="0" fontId="8" fillId="0" borderId="0" xfId="0" applyFont="1">
      <alignment vertical="center"/>
    </xf>
    <xf numFmtId="0" fontId="9" fillId="0" borderId="1" xfId="0" applyFont="1" applyBorder="1">
      <alignment vertical="center"/>
    </xf>
    <xf numFmtId="0" fontId="7" fillId="0" borderId="0" xfId="0" applyFont="1" applyBorder="1">
      <alignment vertical="center"/>
    </xf>
    <xf numFmtId="0" fontId="0" fillId="0" borderId="0" xfId="0" applyBorder="1">
      <alignment vertical="center"/>
    </xf>
    <xf numFmtId="0" fontId="10" fillId="0" borderId="0" xfId="0" applyFont="1" applyAlignment="1">
      <alignment horizontal="left" vertical="center"/>
    </xf>
    <xf numFmtId="0" fontId="10" fillId="0" borderId="0" xfId="0" applyFont="1" applyAlignment="1">
      <alignment vertical="center" wrapText="1"/>
    </xf>
    <xf numFmtId="0" fontId="10" fillId="0" borderId="0" xfId="0" applyFont="1" applyAlignment="1">
      <alignment horizontal="center" vertical="center"/>
    </xf>
    <xf numFmtId="0" fontId="10" fillId="0" borderId="0" xfId="0" applyFont="1">
      <alignment vertical="center"/>
    </xf>
    <xf numFmtId="0" fontId="10" fillId="2" borderId="16" xfId="0" applyFont="1" applyFill="1" applyBorder="1" applyAlignment="1">
      <alignment horizontal="center" vertical="center"/>
    </xf>
    <xf numFmtId="0" fontId="10" fillId="2" borderId="17" xfId="0" applyFont="1" applyFill="1" applyBorder="1" applyAlignment="1">
      <alignment horizontal="center" vertical="center" wrapText="1"/>
    </xf>
    <xf numFmtId="0" fontId="10" fillId="2" borderId="18" xfId="0" applyFont="1" applyFill="1" applyBorder="1" applyAlignment="1">
      <alignment horizontal="center" vertical="center"/>
    </xf>
    <xf numFmtId="0" fontId="10" fillId="2" borderId="19" xfId="0" applyFont="1" applyFill="1" applyBorder="1" applyAlignment="1">
      <alignment horizontal="center" vertical="center" wrapText="1"/>
    </xf>
    <xf numFmtId="0" fontId="10" fillId="0" borderId="20" xfId="0" applyFont="1" applyBorder="1" applyAlignment="1">
      <alignment horizontal="center" vertical="center"/>
    </xf>
    <xf numFmtId="0" fontId="10" fillId="0" borderId="21" xfId="0" applyFont="1" applyBorder="1" applyAlignment="1">
      <alignment vertical="center" wrapText="1"/>
    </xf>
    <xf numFmtId="0" fontId="10" fillId="0" borderId="22" xfId="0" applyFont="1" applyBorder="1" applyAlignment="1">
      <alignment horizontal="center" vertical="center"/>
    </xf>
    <xf numFmtId="0" fontId="10" fillId="0" borderId="23" xfId="0" applyFont="1" applyBorder="1" applyAlignment="1">
      <alignment horizontal="center" vertical="center" wrapText="1"/>
    </xf>
    <xf numFmtId="0" fontId="10" fillId="0" borderId="23" xfId="0" applyFont="1" applyBorder="1" applyAlignment="1">
      <alignment horizontal="center" vertical="center"/>
    </xf>
    <xf numFmtId="0" fontId="10" fillId="0" borderId="24" xfId="0" applyFont="1" applyBorder="1" applyAlignment="1">
      <alignment vertical="center" wrapText="1"/>
    </xf>
    <xf numFmtId="0" fontId="10" fillId="0" borderId="25" xfId="0" applyFont="1" applyBorder="1" applyAlignment="1">
      <alignment horizontal="center" vertical="center"/>
    </xf>
    <xf numFmtId="0" fontId="10" fillId="0" borderId="23" xfId="0" applyFont="1" applyBorder="1" applyAlignment="1">
      <alignment vertical="center" wrapText="1"/>
    </xf>
    <xf numFmtId="0" fontId="10" fillId="0" borderId="26" xfId="0" applyFont="1" applyBorder="1" applyAlignment="1">
      <alignment horizontal="center" vertical="center"/>
    </xf>
    <xf numFmtId="0" fontId="10" fillId="0" borderId="27" xfId="0" applyFont="1" applyBorder="1" applyAlignment="1">
      <alignment vertical="center" wrapText="1"/>
    </xf>
    <xf numFmtId="0" fontId="10" fillId="0" borderId="28" xfId="0" applyFont="1" applyBorder="1" applyAlignment="1">
      <alignment horizontal="center" vertical="center"/>
    </xf>
    <xf numFmtId="0" fontId="10" fillId="0" borderId="26" xfId="0" applyFont="1" applyBorder="1" applyAlignment="1">
      <alignment vertical="center" wrapText="1"/>
    </xf>
    <xf numFmtId="0" fontId="10" fillId="0" borderId="0" xfId="0" applyFont="1" applyBorder="1" applyAlignment="1">
      <alignment horizontal="center" vertical="center"/>
    </xf>
    <xf numFmtId="0" fontId="10" fillId="0" borderId="0" xfId="0" applyFont="1" applyBorder="1" applyAlignment="1">
      <alignment vertical="center" wrapText="1"/>
    </xf>
    <xf numFmtId="0" fontId="6" fillId="0" borderId="1" xfId="0" applyFont="1" applyBorder="1" applyAlignment="1">
      <alignment vertical="center" wrapText="1"/>
    </xf>
    <xf numFmtId="0" fontId="6" fillId="0" borderId="0" xfId="0" applyFont="1" applyAlignment="1">
      <alignment vertical="center"/>
    </xf>
    <xf numFmtId="0" fontId="6" fillId="0" borderId="0" xfId="0" applyFont="1" applyAlignment="1">
      <alignment horizontal="right" vertical="center" wrapText="1"/>
    </xf>
    <xf numFmtId="0" fontId="6" fillId="2" borderId="1" xfId="0" applyFont="1" applyFill="1" applyBorder="1" applyAlignment="1">
      <alignment horizontal="center" vertical="center" wrapText="1"/>
    </xf>
    <xf numFmtId="0" fontId="6" fillId="2" borderId="1" xfId="0" applyFont="1" applyFill="1" applyBorder="1" applyAlignment="1">
      <alignment horizontal="center" vertical="center"/>
    </xf>
    <xf numFmtId="0" fontId="11" fillId="0" borderId="1" xfId="0" applyFont="1" applyFill="1" applyBorder="1" applyAlignment="1">
      <alignment vertical="center" wrapText="1"/>
    </xf>
    <xf numFmtId="0" fontId="11" fillId="0" borderId="1" xfId="0" applyFont="1" applyFill="1" applyBorder="1" applyAlignment="1">
      <alignment horizontal="right" vertical="center"/>
    </xf>
    <xf numFmtId="0" fontId="11" fillId="0" borderId="1" xfId="0" applyFont="1" applyFill="1" applyBorder="1" applyAlignment="1">
      <alignment horizontal="left" vertical="center" wrapText="1"/>
    </xf>
    <xf numFmtId="0" fontId="6" fillId="0" borderId="1" xfId="0" applyFont="1" applyFill="1" applyBorder="1" applyAlignment="1">
      <alignment horizontal="right" vertical="center"/>
    </xf>
    <xf numFmtId="0" fontId="6" fillId="0" borderId="1" xfId="0" applyFont="1" applyBorder="1">
      <alignment vertical="center"/>
    </xf>
    <xf numFmtId="0" fontId="4" fillId="0" borderId="29" xfId="0" applyFont="1" applyFill="1" applyBorder="1" applyAlignment="1">
      <alignment vertical="center" wrapText="1"/>
    </xf>
    <xf numFmtId="0" fontId="4" fillId="0" borderId="30" xfId="0" applyFont="1" applyFill="1" applyBorder="1" applyAlignment="1">
      <alignment vertical="center" wrapText="1"/>
    </xf>
    <xf numFmtId="0" fontId="4" fillId="0" borderId="31" xfId="0" applyFont="1" applyFill="1" applyBorder="1" applyAlignment="1">
      <alignment horizontal="center" vertical="center" wrapText="1"/>
    </xf>
    <xf numFmtId="0" fontId="6" fillId="0" borderId="0" xfId="0" applyFont="1" applyBorder="1" applyAlignment="1">
      <alignment vertical="center" wrapText="1"/>
    </xf>
    <xf numFmtId="0" fontId="6" fillId="0" borderId="0" xfId="0" applyFont="1" applyBorder="1">
      <alignment vertical="center"/>
    </xf>
    <xf numFmtId="0" fontId="6" fillId="0" borderId="0" xfId="0" applyFont="1" applyAlignment="1">
      <alignment horizontal="center" vertical="center"/>
    </xf>
    <xf numFmtId="0" fontId="4" fillId="0" borderId="3" xfId="0" applyFont="1" applyFill="1" applyBorder="1" applyAlignment="1">
      <alignment horizontal="left" vertical="center"/>
    </xf>
    <xf numFmtId="0" fontId="4" fillId="0" borderId="11" xfId="0" applyFont="1" applyFill="1" applyBorder="1" applyAlignment="1">
      <alignment horizontal="left" vertical="center" wrapText="1"/>
    </xf>
    <xf numFmtId="0" fontId="6" fillId="0" borderId="0" xfId="0" applyFont="1" applyFill="1" applyBorder="1" applyAlignment="1">
      <alignment horizontal="center" vertical="center" wrapText="1"/>
    </xf>
    <xf numFmtId="0" fontId="6" fillId="0" borderId="0" xfId="0" applyFont="1" applyFill="1" applyBorder="1" applyAlignment="1">
      <alignment horizontal="center" vertical="center"/>
    </xf>
    <xf numFmtId="0" fontId="4" fillId="0" borderId="31" xfId="0" applyFont="1" applyFill="1" applyBorder="1" applyAlignment="1">
      <alignment vertical="top" wrapText="1"/>
    </xf>
    <xf numFmtId="0" fontId="4" fillId="0" borderId="12" xfId="0" applyFont="1" applyFill="1" applyBorder="1" applyAlignment="1">
      <alignment vertical="top" wrapText="1"/>
    </xf>
    <xf numFmtId="0" fontId="4" fillId="0" borderId="15" xfId="0" applyFont="1" applyFill="1" applyBorder="1" applyAlignment="1">
      <alignment vertical="top" wrapText="1"/>
    </xf>
    <xf numFmtId="0" fontId="6" fillId="0" borderId="0" xfId="0" applyFont="1" applyAlignment="1">
      <alignment horizontal="left" vertical="center" wrapText="1"/>
    </xf>
  </cellXfs>
  <cellStyles count="1">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sharedStrings" Target="sharedStrings.xml"/><Relationship Id="rId3" Type="http://schemas.openxmlformats.org/officeDocument/2006/relationships/worksheet" Target="worksheets/sheet3.xml"/><Relationship Id="rId7" Type="http://schemas.openxmlformats.org/officeDocument/2006/relationships/styles" Target="styles.xml"/><Relationship Id="rId2" Type="http://schemas.openxmlformats.org/officeDocument/2006/relationships/worksheet" Target="worksheets/sheet2.xml"/><Relationship Id="rId1" Type="http://schemas.openxmlformats.org/officeDocument/2006/relationships/worksheet" Target="worksheets/sheet1.xml"/><Relationship Id="rId6" Type="http://schemas.openxmlformats.org/officeDocument/2006/relationships/theme" Target="theme/theme1.xml"/><Relationship Id="rId5" Type="http://schemas.openxmlformats.org/officeDocument/2006/relationships/externalLink" Target="externalLinks/externalLink1.xml"/><Relationship Id="rId4" Type="http://schemas.openxmlformats.org/officeDocument/2006/relationships/worksheet" Target="worksheets/sheet4.xml"/></Relationships>
</file>

<file path=xl/charts/_rels/chart1.xml.rels><?xml version="1.0" encoding="UTF-8" standalone="yes"?>
<Relationships xmlns="http://schemas.openxmlformats.org/package/2006/relationships"><Relationship Id="rId2" Type="http://schemas.microsoft.com/office/2011/relationships/chartColorStyle" Target="colors1.xml"/><Relationship Id="rId1" Type="http://schemas.microsoft.com/office/2011/relationships/chartStyle" Target="style1.xml"/></Relationships>
</file>

<file path=xl/charts/_rels/chart2.xml.rels><?xml version="1.0" encoding="UTF-8" standalone="yes"?>
<Relationships xmlns="http://schemas.openxmlformats.org/package/2006/relationships"><Relationship Id="rId2" Type="http://schemas.microsoft.com/office/2011/relationships/chartColorStyle" Target="colors2.xml"/><Relationship Id="rId1" Type="http://schemas.microsoft.com/office/2011/relationships/chartStyle" Target="style2.xml"/></Relationships>
</file>

<file path=xl/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barChart>
        <c:barDir val="bar"/>
        <c:grouping val="clustered"/>
        <c:varyColors val="0"/>
        <c:ser>
          <c:idx val="0"/>
          <c:order val="0"/>
          <c:spPr>
            <a:solidFill>
              <a:schemeClr val="accent1"/>
            </a:solidFill>
            <a:ln>
              <a:noFill/>
            </a:ln>
            <a:effectLst/>
          </c:spPr>
          <c:invertIfNegative val="0"/>
          <c:dLbls>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ja-JP"/>
              </a:p>
            </c:txPr>
            <c:dLblPos val="outEnd"/>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1]設問２!$B$19:$B$21</c:f>
              <c:strCache>
                <c:ptCount val="3"/>
                <c:pt idx="0">
                  <c:v>必要と感じる設備</c:v>
                </c:pt>
                <c:pt idx="1">
                  <c:v>乳幼児用いす</c:v>
                </c:pt>
                <c:pt idx="2">
                  <c:v>授乳スペース</c:v>
                </c:pt>
              </c:strCache>
            </c:strRef>
          </c:cat>
          <c:val>
            <c:numRef>
              <c:f>[1]設問２!$C$19:$C$21</c:f>
              <c:numCache>
                <c:formatCode>General</c:formatCode>
                <c:ptCount val="3"/>
                <c:pt idx="0">
                  <c:v>0</c:v>
                </c:pt>
                <c:pt idx="1">
                  <c:v>6</c:v>
                </c:pt>
                <c:pt idx="2">
                  <c:v>11</c:v>
                </c:pt>
              </c:numCache>
            </c:numRef>
          </c:val>
          <c:extLst>
            <c:ext xmlns:c16="http://schemas.microsoft.com/office/drawing/2014/chart" uri="{C3380CC4-5D6E-409C-BE32-E72D297353CC}">
              <c16:uniqueId val="{00000000-9F36-4F6F-A8CD-0B87FD631094}"/>
            </c:ext>
          </c:extLst>
        </c:ser>
        <c:dLbls>
          <c:dLblPos val="outEnd"/>
          <c:showLegendKey val="0"/>
          <c:showVal val="1"/>
          <c:showCatName val="0"/>
          <c:showSerName val="0"/>
          <c:showPercent val="0"/>
          <c:showBubbleSize val="0"/>
        </c:dLbls>
        <c:gapWidth val="182"/>
        <c:axId val="1291599199"/>
        <c:axId val="1291610015"/>
      </c:barChart>
      <c:catAx>
        <c:axId val="1291599199"/>
        <c:scaling>
          <c:orientation val="minMax"/>
        </c:scaling>
        <c:delete val="0"/>
        <c:axPos val="l"/>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ja-JP"/>
          </a:p>
        </c:txPr>
        <c:crossAx val="1291610015"/>
        <c:crosses val="autoZero"/>
        <c:auto val="1"/>
        <c:lblAlgn val="ctr"/>
        <c:lblOffset val="100"/>
        <c:noMultiLvlLbl val="0"/>
      </c:catAx>
      <c:valAx>
        <c:axId val="1291610015"/>
        <c:scaling>
          <c:orientation val="minMax"/>
        </c:scaling>
        <c:delete val="0"/>
        <c:axPos val="b"/>
        <c:majorGridlines>
          <c:spPr>
            <a:ln w="9525" cap="flat" cmpd="sng" algn="ctr">
              <a:solidFill>
                <a:schemeClr val="tx1">
                  <a:lumMod val="15000"/>
                  <a:lumOff val="85000"/>
                </a:schemeClr>
              </a:solidFill>
              <a:round/>
            </a:ln>
            <a:effectLst/>
          </c:spPr>
        </c:majorGridlines>
        <c:title>
          <c:tx>
            <c:rich>
              <a:bodyPr rot="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r>
                  <a:rPr lang="ja-JP" altLang="en-US"/>
                  <a:t>人数（人）</a:t>
                </a:r>
              </a:p>
            </c:rich>
          </c:tx>
          <c:overlay val="0"/>
          <c:spPr>
            <a:noFill/>
            <a:ln>
              <a:noFill/>
            </a:ln>
            <a:effectLst/>
          </c:spPr>
          <c:txPr>
            <a:bodyPr rot="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endParaRPr lang="ja-JP"/>
            </a:p>
          </c:txPr>
        </c:title>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ja-JP"/>
          </a:p>
        </c:txPr>
        <c:crossAx val="1291599199"/>
        <c:crosses val="autoZero"/>
        <c:crossBetween val="between"/>
      </c:valAx>
      <c:spPr>
        <a:noFill/>
        <a:ln>
          <a:noFill/>
        </a:ln>
        <a:effectLst/>
      </c:spPr>
    </c:plotArea>
    <c:plotVisOnly val="1"/>
    <c:dispBlanksAs val="gap"/>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ja-JP"/>
    </a:p>
  </c:txPr>
  <c:printSettings>
    <c:headerFooter/>
    <c:pageMargins b="0.75" l="0.7" r="0.7" t="0.75" header="0.3" footer="0.3"/>
    <c:pageSetup/>
  </c:printSettings>
</c:chartSpace>
</file>

<file path=xl/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r>
              <a:rPr lang="ja-JP" altLang="en-US"/>
              <a:t>必要と感じる乳幼児用設備</a:t>
            </a:r>
          </a:p>
        </c:rich>
      </c:tx>
      <c:overlay val="0"/>
      <c:spPr>
        <a:noFill/>
        <a:ln>
          <a:noFill/>
        </a:ln>
        <a:effectLst/>
      </c:spPr>
      <c:txPr>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endParaRPr lang="ja-JP"/>
        </a:p>
      </c:txPr>
    </c:title>
    <c:autoTitleDeleted val="0"/>
    <c:plotArea>
      <c:layout>
        <c:manualLayout>
          <c:layoutTarget val="inner"/>
          <c:xMode val="edge"/>
          <c:yMode val="edge"/>
          <c:x val="0.45235870516185478"/>
          <c:y val="0.31042056074766361"/>
          <c:w val="0.49053018372703411"/>
          <c:h val="0.56841930973581578"/>
        </c:manualLayout>
      </c:layout>
      <c:barChart>
        <c:barDir val="bar"/>
        <c:grouping val="clustered"/>
        <c:varyColors val="0"/>
        <c:ser>
          <c:idx val="0"/>
          <c:order val="0"/>
          <c:spPr>
            <a:solidFill>
              <a:schemeClr val="accent1"/>
            </a:solidFill>
            <a:ln>
              <a:noFill/>
            </a:ln>
            <a:effectLst/>
          </c:spPr>
          <c:invertIfNegative val="0"/>
          <c:dLbls>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ja-JP"/>
              </a:p>
            </c:txPr>
            <c:dLblPos val="outEnd"/>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職員アンケートまとめ②!$B$7:$B$14</c:f>
              <c:strCache>
                <c:ptCount val="8"/>
                <c:pt idx="0">
                  <c:v>乳幼児用いす</c:v>
                </c:pt>
                <c:pt idx="1">
                  <c:v>乳幼児用いす、授乳スペース</c:v>
                </c:pt>
                <c:pt idx="2">
                  <c:v>その他</c:v>
                </c:pt>
                <c:pt idx="3">
                  <c:v>乳幼児用いす、乳幼児用おむつ交換台</c:v>
                </c:pt>
                <c:pt idx="4">
                  <c:v>授乳スペース</c:v>
                </c:pt>
                <c:pt idx="5">
                  <c:v>乳幼児用おむつ交換台</c:v>
                </c:pt>
                <c:pt idx="6">
                  <c:v>乳幼児用おむつ交換台、授乳スペース</c:v>
                </c:pt>
                <c:pt idx="7">
                  <c:v>全て(いす、交換台、授乳スペース)</c:v>
                </c:pt>
              </c:strCache>
            </c:strRef>
          </c:cat>
          <c:val>
            <c:numRef>
              <c:f>職員アンケートまとめ②!$C$7:$C$14</c:f>
              <c:numCache>
                <c:formatCode>General</c:formatCode>
                <c:ptCount val="8"/>
                <c:pt idx="0">
                  <c:v>0</c:v>
                </c:pt>
                <c:pt idx="1">
                  <c:v>0</c:v>
                </c:pt>
                <c:pt idx="2">
                  <c:v>2</c:v>
                </c:pt>
                <c:pt idx="3">
                  <c:v>6</c:v>
                </c:pt>
                <c:pt idx="4">
                  <c:v>1</c:v>
                </c:pt>
                <c:pt idx="5">
                  <c:v>8</c:v>
                </c:pt>
                <c:pt idx="6">
                  <c:v>10</c:v>
                </c:pt>
                <c:pt idx="7">
                  <c:v>12</c:v>
                </c:pt>
              </c:numCache>
            </c:numRef>
          </c:val>
          <c:extLst>
            <c:ext xmlns:c16="http://schemas.microsoft.com/office/drawing/2014/chart" uri="{C3380CC4-5D6E-409C-BE32-E72D297353CC}">
              <c16:uniqueId val="{00000000-49CC-49EC-B512-03ABD8186A3D}"/>
            </c:ext>
          </c:extLst>
        </c:ser>
        <c:dLbls>
          <c:dLblPos val="outEnd"/>
          <c:showLegendKey val="0"/>
          <c:showVal val="1"/>
          <c:showCatName val="0"/>
          <c:showSerName val="0"/>
          <c:showPercent val="0"/>
          <c:showBubbleSize val="0"/>
        </c:dLbls>
        <c:gapWidth val="182"/>
        <c:axId val="802428415"/>
        <c:axId val="802429247"/>
      </c:barChart>
      <c:catAx>
        <c:axId val="802428415"/>
        <c:scaling>
          <c:orientation val="minMax"/>
        </c:scaling>
        <c:delete val="0"/>
        <c:axPos val="l"/>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ja-JP"/>
          </a:p>
        </c:txPr>
        <c:crossAx val="802429247"/>
        <c:crosses val="autoZero"/>
        <c:auto val="1"/>
        <c:lblAlgn val="ctr"/>
        <c:lblOffset val="100"/>
        <c:noMultiLvlLbl val="0"/>
      </c:catAx>
      <c:valAx>
        <c:axId val="802429247"/>
        <c:scaling>
          <c:orientation val="minMax"/>
        </c:scaling>
        <c:delete val="0"/>
        <c:axPos val="b"/>
        <c:majorGridlines>
          <c:spPr>
            <a:ln w="9525" cap="flat" cmpd="sng" algn="ctr">
              <a:solidFill>
                <a:schemeClr val="tx1">
                  <a:lumMod val="15000"/>
                  <a:lumOff val="85000"/>
                </a:schemeClr>
              </a:solidFill>
              <a:round/>
            </a:ln>
            <a:effectLst/>
          </c:spPr>
        </c:majorGridlines>
        <c:title>
          <c:tx>
            <c:rich>
              <a:bodyPr rot="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r>
                  <a:rPr lang="ja-JP" altLang="en-US"/>
                  <a:t>人数</a:t>
                </a:r>
              </a:p>
            </c:rich>
          </c:tx>
          <c:overlay val="0"/>
          <c:spPr>
            <a:noFill/>
            <a:ln>
              <a:noFill/>
            </a:ln>
            <a:effectLst/>
          </c:spPr>
          <c:txPr>
            <a:bodyPr rot="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endParaRPr lang="ja-JP"/>
            </a:p>
          </c:txPr>
        </c:title>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ja-JP"/>
          </a:p>
        </c:txPr>
        <c:crossAx val="802428415"/>
        <c:crosses val="autoZero"/>
        <c:crossBetween val="between"/>
      </c:valAx>
      <c:spPr>
        <a:noFill/>
        <a:ln>
          <a:noFill/>
        </a:ln>
        <a:effectLst/>
      </c:spPr>
    </c:plotArea>
    <c:plotVisOnly val="1"/>
    <c:dispBlanksAs val="gap"/>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ja-JP"/>
    </a:p>
  </c:txPr>
  <c:printSettings>
    <c:headerFooter/>
    <c:pageMargins b="0.75" l="0.7" r="0.7" t="0.75" header="0.3" footer="0.3"/>
    <c:pageSetup paperSize="9" orientation="portrait"/>
  </c:printSettings>
</c:chartSpace>
</file>

<file path=xl/charts/colors1.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xl/charts/colors2.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xl/charts/style1.xml><?xml version="1.0" encoding="utf-8"?>
<cs:chartStyle xmlns:cs="http://schemas.microsoft.com/office/drawing/2012/chartStyle" xmlns:a="http://schemas.openxmlformats.org/drawingml/2006/main" id="216">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xl/charts/style2.xml><?xml version="1.0" encoding="utf-8"?>
<cs:chartStyle xmlns:cs="http://schemas.microsoft.com/office/drawing/2012/chartStyle" xmlns:a="http://schemas.openxmlformats.org/drawingml/2006/main" id="216">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xl/drawings/_rels/drawing3.xml.rels><?xml version="1.0" encoding="UTF-8" standalone="yes"?>
<Relationships xmlns="http://schemas.openxmlformats.org/package/2006/relationships"><Relationship Id="rId2" Type="http://schemas.openxmlformats.org/officeDocument/2006/relationships/chart" Target="../charts/chart2.xml"/><Relationship Id="rId1" Type="http://schemas.openxmlformats.org/officeDocument/2006/relationships/chart" Target="../charts/chart1.xml"/></Relationships>
</file>

<file path=xl/drawings/drawing1.xml><?xml version="1.0" encoding="utf-8"?>
<xdr:wsDr xmlns:xdr="http://schemas.openxmlformats.org/drawingml/2006/spreadsheetDrawing" xmlns:a="http://schemas.openxmlformats.org/drawingml/2006/main">
  <xdr:twoCellAnchor>
    <xdr:from>
      <xdr:col>7</xdr:col>
      <xdr:colOff>4640606</xdr:colOff>
      <xdr:row>0</xdr:row>
      <xdr:rowOff>43184</xdr:rowOff>
    </xdr:from>
    <xdr:to>
      <xdr:col>7</xdr:col>
      <xdr:colOff>6690360</xdr:colOff>
      <xdr:row>1</xdr:row>
      <xdr:rowOff>60960</xdr:rowOff>
    </xdr:to>
    <xdr:sp macro="" textlink="">
      <xdr:nvSpPr>
        <xdr:cNvPr id="4" name="テキスト ボックス 3"/>
        <xdr:cNvSpPr txBox="1"/>
      </xdr:nvSpPr>
      <xdr:spPr>
        <a:xfrm>
          <a:off x="22410446" y="43184"/>
          <a:ext cx="2049754" cy="429256"/>
        </a:xfrm>
        <a:prstGeom prst="rect">
          <a:avLst/>
        </a:prstGeom>
        <a:solidFill>
          <a:schemeClr val="lt1"/>
        </a:solidFill>
        <a:ln w="12700" cmpd="sng">
          <a:solidFill>
            <a:sysClr val="windowText" lastClr="000000"/>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pPr algn="ctr"/>
          <a:r>
            <a:rPr kumimoji="1" lang="ja-JP" altLang="en-US" sz="2000" b="1">
              <a:latin typeface="+mj-ea"/>
              <a:ea typeface="+mj-ea"/>
            </a:rPr>
            <a:t>参考</a:t>
          </a:r>
          <a:r>
            <a:rPr kumimoji="1" lang="ja-JP" altLang="en-US" sz="2000" b="0">
              <a:latin typeface="+mj-ea"/>
              <a:ea typeface="+mj-ea"/>
            </a:rPr>
            <a:t>資料</a:t>
          </a:r>
          <a:r>
            <a:rPr kumimoji="1" lang="ja-JP" altLang="en-US" sz="2000" b="1">
              <a:latin typeface="+mj-ea"/>
              <a:ea typeface="+mj-ea"/>
            </a:rPr>
            <a:t>４</a:t>
          </a:r>
          <a:endParaRPr kumimoji="1" lang="en-US" altLang="ja-JP" sz="2000" b="1">
            <a:latin typeface="+mj-ea"/>
            <a:ea typeface="+mj-ea"/>
          </a:endParaRPr>
        </a:p>
      </xdr:txBody>
    </xdr:sp>
    <xdr:clientData/>
  </xdr:twoCellAnchor>
</xdr:wsDr>
</file>

<file path=xl/drawings/drawing2.xml><?xml version="1.0" encoding="utf-8"?>
<xdr:wsDr xmlns:xdr="http://schemas.openxmlformats.org/drawingml/2006/spreadsheetDrawing" xmlns:a="http://schemas.openxmlformats.org/drawingml/2006/main">
  <xdr:twoCellAnchor>
    <xdr:from>
      <xdr:col>4</xdr:col>
      <xdr:colOff>1341326</xdr:colOff>
      <xdr:row>0</xdr:row>
      <xdr:rowOff>0</xdr:rowOff>
    </xdr:from>
    <xdr:to>
      <xdr:col>5</xdr:col>
      <xdr:colOff>662835</xdr:colOff>
      <xdr:row>0</xdr:row>
      <xdr:rowOff>240082</xdr:rowOff>
    </xdr:to>
    <xdr:sp macro="" textlink="">
      <xdr:nvSpPr>
        <xdr:cNvPr id="2" name="テキスト ボックス 1"/>
        <xdr:cNvSpPr txBox="1"/>
      </xdr:nvSpPr>
      <xdr:spPr>
        <a:xfrm>
          <a:off x="4942559" y="0"/>
          <a:ext cx="1127344" cy="240082"/>
        </a:xfrm>
        <a:prstGeom prst="rect">
          <a:avLst/>
        </a:prstGeom>
        <a:solidFill>
          <a:schemeClr val="lt1"/>
        </a:solidFill>
        <a:ln w="12700" cmpd="sng">
          <a:solidFill>
            <a:sysClr val="windowText" lastClr="000000"/>
          </a:solid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ctr"/>
        <a:lstStyle/>
        <a:p>
          <a:pPr algn="ctr"/>
          <a:r>
            <a:rPr kumimoji="1" lang="ja-JP" altLang="en-US" sz="1200" b="1">
              <a:latin typeface="+mj-ea"/>
              <a:ea typeface="+mj-ea"/>
            </a:rPr>
            <a:t>参考</a:t>
          </a:r>
          <a:r>
            <a:rPr kumimoji="1" lang="ja-JP" altLang="en-US" sz="1200" b="0">
              <a:latin typeface="+mj-ea"/>
              <a:ea typeface="+mj-ea"/>
            </a:rPr>
            <a:t>資料</a:t>
          </a:r>
          <a:r>
            <a:rPr kumimoji="1" lang="ja-JP" altLang="en-US" sz="1200" b="1">
              <a:latin typeface="+mj-ea"/>
              <a:ea typeface="+mj-ea"/>
            </a:rPr>
            <a:t>４</a:t>
          </a:r>
          <a:endParaRPr kumimoji="1" lang="en-US" altLang="ja-JP" sz="1200" b="1">
            <a:latin typeface="+mj-ea"/>
            <a:ea typeface="+mj-ea"/>
          </a:endParaRPr>
        </a:p>
      </xdr:txBody>
    </xdr:sp>
    <xdr:clientData/>
  </xdr:twoCellAnchor>
</xdr:wsDr>
</file>

<file path=xl/drawings/drawing3.xml><?xml version="1.0" encoding="utf-8"?>
<xdr:wsDr xmlns:xdr="http://schemas.openxmlformats.org/drawingml/2006/spreadsheetDrawing" xmlns:a="http://schemas.openxmlformats.org/drawingml/2006/main">
  <xdr:twoCellAnchor>
    <xdr:from>
      <xdr:col>3</xdr:col>
      <xdr:colOff>289261</xdr:colOff>
      <xdr:row>17</xdr:row>
      <xdr:rowOff>257735</xdr:rowOff>
    </xdr:from>
    <xdr:to>
      <xdr:col>4</xdr:col>
      <xdr:colOff>4564081</xdr:colOff>
      <xdr:row>27</xdr:row>
      <xdr:rowOff>74855</xdr:rowOff>
    </xdr:to>
    <xdr:graphicFrame macro="">
      <xdr:nvGraphicFramePr>
        <xdr:cNvPr id="2" name="グラフ 1"/>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4</xdr:col>
      <xdr:colOff>0</xdr:colOff>
      <xdr:row>4</xdr:row>
      <xdr:rowOff>274320</xdr:rowOff>
    </xdr:from>
    <xdr:to>
      <xdr:col>4</xdr:col>
      <xdr:colOff>4572000</xdr:colOff>
      <xdr:row>14</xdr:row>
      <xdr:rowOff>198120</xdr:rowOff>
    </xdr:to>
    <xdr:graphicFrame macro="">
      <xdr:nvGraphicFramePr>
        <xdr:cNvPr id="4" name="グラフ 3"/>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wsDr>
</file>

<file path=xl/externalLinks/_rels/externalLink1.xml.rels><?xml version="1.0" encoding="UTF-8" standalone="yes"?>
<Relationships xmlns="http://schemas.openxmlformats.org/package/2006/relationships"><Relationship Id="rId1" Type="http://schemas.openxmlformats.org/officeDocument/2006/relationships/externalLinkPath" Target="/group/01_&#35519;&#25972;&#12464;&#12523;&#12540;&#12503;/02_&#12496;&#12522;&#12450;&#12501;&#12522;&#12540;&#12398;&#34903;&#12389;&#12367;&#12426;/001_&#20363;&#35215;&#31561;/03_&#26465;&#20363;&#26045;&#34892;&#35215;&#21063;&#25913;&#27491;&#65288;&#25972;&#20633;&#22522;&#28310;&#25913;&#27491;&#65289;/04_&#38306;&#20418;&#21508;&#25152;&#12408;&#12398;&#12498;&#12450;&#12522;&#12531;&#12464;/221028_&#32887;&#21729;&#21521;&#12369;&#12450;&#12531;&#12465;&#12540;&#12488;/02_&#22238;&#31572;/&#12304;&#32887;&#21729;&#21521;&#12369;&#12450;&#12531;&#12465;&#12540;&#12488;&#12305;&#32080;&#26524;&#12414;&#12392;&#12417;%20.xlsx"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設問１"/>
      <sheetName val="設問２"/>
      <sheetName val="設問３"/>
      <sheetName val="Sheet1"/>
    </sheetNames>
    <sheetDataSet>
      <sheetData sheetId="0" refreshError="1"/>
      <sheetData sheetId="1">
        <row r="19">
          <cell r="B19" t="str">
            <v>必要と感じる設備</v>
          </cell>
          <cell r="C19" t="str">
            <v>人数（人）</v>
          </cell>
        </row>
        <row r="20">
          <cell r="B20" t="str">
            <v>乳幼児用いす</v>
          </cell>
          <cell r="C20">
            <v>6</v>
          </cell>
        </row>
        <row r="21">
          <cell r="B21" t="str">
            <v>授乳スペース</v>
          </cell>
          <cell r="C21">
            <v>11</v>
          </cell>
        </row>
      </sheetData>
      <sheetData sheetId="2" refreshError="1"/>
      <sheetData sheetId="3" refreshError="1"/>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2" Type="http://schemas.openxmlformats.org/officeDocument/2006/relationships/drawing" Target="../drawings/drawing3.xml"/><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1" Type="http://schemas.openxmlformats.org/officeDocument/2006/relationships/printerSettings" Target="../printerSettings/printerSettings4.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H24"/>
  <sheetViews>
    <sheetView showWhiteSpace="0" view="pageBreakPreview" topLeftCell="A7" zoomScale="47" zoomScaleNormal="100" zoomScaleSheetLayoutView="47" zoomScalePageLayoutView="50" workbookViewId="0">
      <selection activeCell="H24" sqref="H24"/>
    </sheetView>
  </sheetViews>
  <sheetFormatPr defaultColWidth="8.69921875" defaultRowHeight="26.4" x14ac:dyDescent="0.2"/>
  <cols>
    <col min="1" max="1" width="1.19921875" style="2" customWidth="1"/>
    <col min="2" max="2" width="6.296875" style="4" customWidth="1"/>
    <col min="3" max="3" width="24.3984375" style="2" customWidth="1"/>
    <col min="4" max="4" width="21.5" style="3" customWidth="1"/>
    <col min="5" max="5" width="86.796875" style="3" customWidth="1"/>
    <col min="6" max="6" width="32.796875" style="2" customWidth="1"/>
    <col min="7" max="7" width="97" style="2" customWidth="1"/>
    <col min="8" max="8" width="92.19921875" style="2" customWidth="1"/>
    <col min="9" max="16384" width="8.69921875" style="2"/>
  </cols>
  <sheetData>
    <row r="1" spans="2:8" s="6" customFormat="1" ht="32.4" x14ac:dyDescent="0.2">
      <c r="B1" s="8" t="s">
        <v>23</v>
      </c>
      <c r="D1" s="5"/>
      <c r="E1" s="7"/>
    </row>
    <row r="2" spans="2:8" ht="7.2" customHeight="1" x14ac:dyDescent="0.2">
      <c r="B2" s="1"/>
    </row>
    <row r="3" spans="2:8" ht="32.4" x14ac:dyDescent="0.2">
      <c r="B3" s="9" t="s">
        <v>19</v>
      </c>
      <c r="C3" s="10"/>
      <c r="D3" s="11" t="s">
        <v>0</v>
      </c>
      <c r="E3" s="11" t="s">
        <v>18</v>
      </c>
      <c r="F3" s="12" t="s">
        <v>24</v>
      </c>
      <c r="G3" s="12" t="s">
        <v>27</v>
      </c>
      <c r="H3" s="12" t="s">
        <v>154</v>
      </c>
    </row>
    <row r="4" spans="2:8" ht="280.8" customHeight="1" x14ac:dyDescent="0.2">
      <c r="B4" s="13">
        <v>1</v>
      </c>
      <c r="C4" s="14" t="s">
        <v>2</v>
      </c>
      <c r="D4" s="15" t="s">
        <v>1</v>
      </c>
      <c r="E4" s="15" t="s">
        <v>22</v>
      </c>
      <c r="F4" s="15" t="s">
        <v>25</v>
      </c>
      <c r="G4" s="15" t="s">
        <v>131</v>
      </c>
      <c r="H4" s="12" t="s">
        <v>50</v>
      </c>
    </row>
    <row r="5" spans="2:8" ht="373.8" customHeight="1" thickBot="1" x14ac:dyDescent="0.25">
      <c r="B5" s="16"/>
      <c r="C5" s="17"/>
      <c r="D5" s="18" t="s">
        <v>1</v>
      </c>
      <c r="E5" s="18" t="s">
        <v>20</v>
      </c>
      <c r="F5" s="18" t="s">
        <v>25</v>
      </c>
      <c r="G5" s="18" t="s">
        <v>132</v>
      </c>
      <c r="H5" s="12" t="s">
        <v>50</v>
      </c>
    </row>
    <row r="6" spans="2:8" ht="201.6" customHeight="1" thickTop="1" x14ac:dyDescent="0.2">
      <c r="B6" s="19" t="s">
        <v>4</v>
      </c>
      <c r="C6" s="20" t="s">
        <v>3</v>
      </c>
      <c r="D6" s="21" t="s">
        <v>10</v>
      </c>
      <c r="E6" s="21" t="s">
        <v>5</v>
      </c>
      <c r="F6" s="21" t="s">
        <v>40</v>
      </c>
      <c r="G6" s="31" t="s">
        <v>50</v>
      </c>
      <c r="H6" s="21" t="s">
        <v>155</v>
      </c>
    </row>
    <row r="7" spans="2:8" ht="160.19999999999999" customHeight="1" x14ac:dyDescent="0.2">
      <c r="B7" s="19"/>
      <c r="C7" s="22"/>
      <c r="D7" s="15" t="s">
        <v>10</v>
      </c>
      <c r="E7" s="15" t="s">
        <v>6</v>
      </c>
      <c r="F7" s="15" t="s">
        <v>25</v>
      </c>
      <c r="G7" s="11" t="s">
        <v>50</v>
      </c>
      <c r="H7" s="12" t="s">
        <v>50</v>
      </c>
    </row>
    <row r="8" spans="2:8" ht="293.39999999999998" customHeight="1" x14ac:dyDescent="0.2">
      <c r="B8" s="23"/>
      <c r="C8" s="22"/>
      <c r="D8" s="15" t="s">
        <v>10</v>
      </c>
      <c r="E8" s="15" t="s">
        <v>7</v>
      </c>
      <c r="F8" s="15" t="s">
        <v>25</v>
      </c>
      <c r="G8" s="15" t="s">
        <v>133</v>
      </c>
      <c r="H8" s="11" t="s">
        <v>50</v>
      </c>
    </row>
    <row r="9" spans="2:8" ht="175.8" customHeight="1" x14ac:dyDescent="0.2">
      <c r="B9" s="23"/>
      <c r="C9" s="22"/>
      <c r="D9" s="15" t="s">
        <v>10</v>
      </c>
      <c r="E9" s="24" t="s">
        <v>8</v>
      </c>
      <c r="F9" s="15" t="s">
        <v>38</v>
      </c>
      <c r="G9" s="11" t="s">
        <v>50</v>
      </c>
      <c r="H9" s="15" t="s">
        <v>156</v>
      </c>
    </row>
    <row r="10" spans="2:8" ht="313.8" customHeight="1" thickBot="1" x14ac:dyDescent="0.25">
      <c r="B10" s="16"/>
      <c r="C10" s="17"/>
      <c r="D10" s="18" t="s">
        <v>10</v>
      </c>
      <c r="E10" s="18" t="s">
        <v>9</v>
      </c>
      <c r="F10" s="18" t="s">
        <v>44</v>
      </c>
      <c r="G10" s="18" t="s">
        <v>134</v>
      </c>
      <c r="H10" s="18" t="s">
        <v>157</v>
      </c>
    </row>
    <row r="11" spans="2:8" ht="346.8" customHeight="1" thickTop="1" x14ac:dyDescent="0.2">
      <c r="B11" s="19">
        <v>3</v>
      </c>
      <c r="C11" s="79" t="s">
        <v>21</v>
      </c>
      <c r="D11" s="80" t="s">
        <v>1</v>
      </c>
      <c r="E11" s="80" t="s">
        <v>47</v>
      </c>
      <c r="F11" s="80" t="s">
        <v>130</v>
      </c>
      <c r="G11" s="81" t="s">
        <v>50</v>
      </c>
      <c r="H11" s="89" t="s">
        <v>160</v>
      </c>
    </row>
    <row r="12" spans="2:8" ht="204.6" customHeight="1" x14ac:dyDescent="0.2">
      <c r="B12" s="19"/>
      <c r="C12" s="22"/>
      <c r="D12" s="15" t="s">
        <v>15</v>
      </c>
      <c r="E12" s="24" t="s">
        <v>26</v>
      </c>
      <c r="F12" s="15" t="s">
        <v>43</v>
      </c>
      <c r="G12" s="15" t="s">
        <v>136</v>
      </c>
      <c r="H12" s="90"/>
    </row>
    <row r="13" spans="2:8" ht="229.8" customHeight="1" x14ac:dyDescent="0.2">
      <c r="B13" s="19"/>
      <c r="C13" s="22"/>
      <c r="D13" s="15" t="s">
        <v>15</v>
      </c>
      <c r="E13" s="24" t="s">
        <v>11</v>
      </c>
      <c r="F13" s="15" t="s">
        <v>41</v>
      </c>
      <c r="G13" s="15" t="s">
        <v>137</v>
      </c>
      <c r="H13" s="90"/>
    </row>
    <row r="14" spans="2:8" ht="116.4" customHeight="1" x14ac:dyDescent="0.2">
      <c r="B14" s="19"/>
      <c r="C14" s="22"/>
      <c r="D14" s="15" t="s">
        <v>15</v>
      </c>
      <c r="E14" s="24" t="s">
        <v>48</v>
      </c>
      <c r="F14" s="15" t="s">
        <v>39</v>
      </c>
      <c r="G14" s="11" t="s">
        <v>50</v>
      </c>
      <c r="H14" s="90"/>
    </row>
    <row r="15" spans="2:8" ht="99" customHeight="1" x14ac:dyDescent="0.2">
      <c r="B15" s="19"/>
      <c r="C15" s="22"/>
      <c r="D15" s="15" t="s">
        <v>15</v>
      </c>
      <c r="E15" s="24" t="s">
        <v>12</v>
      </c>
      <c r="F15" s="15" t="s">
        <v>42</v>
      </c>
      <c r="G15" s="11" t="s">
        <v>50</v>
      </c>
      <c r="H15" s="90"/>
    </row>
    <row r="16" spans="2:8" ht="148.80000000000001" customHeight="1" thickBot="1" x14ac:dyDescent="0.25">
      <c r="B16" s="16"/>
      <c r="C16" s="17"/>
      <c r="D16" s="18" t="s">
        <v>15</v>
      </c>
      <c r="E16" s="25" t="s">
        <v>13</v>
      </c>
      <c r="F16" s="18" t="s">
        <v>39</v>
      </c>
      <c r="G16" s="34" t="s">
        <v>50</v>
      </c>
      <c r="H16" s="91"/>
    </row>
    <row r="17" spans="2:8" ht="178.8" customHeight="1" thickTop="1" x14ac:dyDescent="0.2">
      <c r="B17" s="19">
        <v>4</v>
      </c>
      <c r="C17" s="20" t="s">
        <v>14</v>
      </c>
      <c r="D17" s="21" t="s">
        <v>15</v>
      </c>
      <c r="E17" s="26" t="s">
        <v>17</v>
      </c>
      <c r="F17" s="21" t="s">
        <v>151</v>
      </c>
      <c r="G17" s="31" t="s">
        <v>50</v>
      </c>
      <c r="H17" s="85" t="s">
        <v>158</v>
      </c>
    </row>
    <row r="18" spans="2:8" ht="304.2" customHeight="1" thickBot="1" x14ac:dyDescent="0.25">
      <c r="B18" s="16"/>
      <c r="C18" s="17"/>
      <c r="D18" s="18" t="s">
        <v>15</v>
      </c>
      <c r="E18" s="25" t="s">
        <v>16</v>
      </c>
      <c r="F18" s="18" t="s">
        <v>151</v>
      </c>
      <c r="G18" s="34" t="s">
        <v>49</v>
      </c>
      <c r="H18" s="86" t="s">
        <v>159</v>
      </c>
    </row>
    <row r="19" spans="2:8" ht="144" customHeight="1" thickTop="1" x14ac:dyDescent="0.2">
      <c r="B19" s="19">
        <v>7</v>
      </c>
      <c r="C19" s="27" t="s">
        <v>29</v>
      </c>
      <c r="D19" s="21" t="s">
        <v>28</v>
      </c>
      <c r="E19" s="21" t="s">
        <v>30</v>
      </c>
      <c r="F19" s="21" t="s">
        <v>46</v>
      </c>
      <c r="G19" s="21" t="s">
        <v>36</v>
      </c>
      <c r="H19" s="33" t="s">
        <v>50</v>
      </c>
    </row>
    <row r="20" spans="2:8" ht="231" customHeight="1" x14ac:dyDescent="0.2">
      <c r="B20" s="19"/>
      <c r="C20" s="27"/>
      <c r="D20" s="15" t="s">
        <v>28</v>
      </c>
      <c r="E20" s="15" t="s">
        <v>34</v>
      </c>
      <c r="F20" s="15" t="s">
        <v>45</v>
      </c>
      <c r="G20" s="15" t="s">
        <v>135</v>
      </c>
      <c r="H20" s="12" t="s">
        <v>50</v>
      </c>
    </row>
    <row r="21" spans="2:8" ht="227.4" customHeight="1" x14ac:dyDescent="0.2">
      <c r="B21" s="19"/>
      <c r="C21" s="27"/>
      <c r="D21" s="15" t="s">
        <v>28</v>
      </c>
      <c r="E21" s="15" t="s">
        <v>33</v>
      </c>
      <c r="F21" s="15" t="s">
        <v>45</v>
      </c>
      <c r="G21" s="15" t="s">
        <v>52</v>
      </c>
      <c r="H21" s="12" t="s">
        <v>50</v>
      </c>
    </row>
    <row r="22" spans="2:8" ht="243" customHeight="1" x14ac:dyDescent="0.2">
      <c r="B22" s="19"/>
      <c r="C22" s="22"/>
      <c r="D22" s="15" t="s">
        <v>28</v>
      </c>
      <c r="E22" s="28" t="s">
        <v>37</v>
      </c>
      <c r="F22" s="15" t="s">
        <v>45</v>
      </c>
      <c r="G22" s="15" t="s">
        <v>35</v>
      </c>
      <c r="H22" s="12" t="s">
        <v>50</v>
      </c>
    </row>
    <row r="23" spans="2:8" ht="202.8" customHeight="1" x14ac:dyDescent="0.2">
      <c r="B23" s="19"/>
      <c r="C23" s="22"/>
      <c r="D23" s="15" t="s">
        <v>28</v>
      </c>
      <c r="E23" s="15" t="s">
        <v>31</v>
      </c>
      <c r="F23" s="15" t="s">
        <v>151</v>
      </c>
      <c r="G23" s="32" t="s">
        <v>152</v>
      </c>
      <c r="H23" s="32" t="s">
        <v>161</v>
      </c>
    </row>
    <row r="24" spans="2:8" ht="277.8" customHeight="1" x14ac:dyDescent="0.2">
      <c r="B24" s="29"/>
      <c r="C24" s="30"/>
      <c r="D24" s="15" t="s">
        <v>28</v>
      </c>
      <c r="E24" s="15" t="s">
        <v>32</v>
      </c>
      <c r="F24" s="15" t="s">
        <v>39</v>
      </c>
      <c r="G24" s="32" t="s">
        <v>51</v>
      </c>
      <c r="H24" s="32" t="s">
        <v>153</v>
      </c>
    </row>
  </sheetData>
  <autoFilter ref="B3:E3"/>
  <mergeCells count="1">
    <mergeCell ref="H11:H16"/>
  </mergeCells>
  <phoneticPr fontId="1"/>
  <pageMargins left="0.7" right="0.7" top="0.75" bottom="0.75" header="0.3" footer="0.3"/>
  <pageSetup paperSize="9" scale="34" fitToHeight="0" orientation="landscape" r:id="rId1"/>
  <headerFooter>
    <oddFooter>&amp;C&amp;P ページ</oddFooter>
  </headerFooter>
  <drawing r:id="rId2"/>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M28"/>
  <sheetViews>
    <sheetView tabSelected="1" view="pageBreakPreview" zoomScale="146" zoomScaleNormal="131" zoomScaleSheetLayoutView="146" workbookViewId="0">
      <selection activeCell="C10" sqref="C10"/>
    </sheetView>
  </sheetViews>
  <sheetFormatPr defaultRowHeight="19.8" x14ac:dyDescent="0.2"/>
  <cols>
    <col min="1" max="1" width="7.09765625" style="35" customWidth="1"/>
    <col min="2" max="2" width="39.69921875" style="40" customWidth="1"/>
    <col min="3" max="3" width="9" style="35" customWidth="1"/>
    <col min="4" max="4" width="2.69921875" style="35" customWidth="1"/>
    <col min="5" max="5" width="23.69921875" style="35" customWidth="1"/>
    <col min="6" max="6" width="9.09765625" style="35" customWidth="1"/>
    <col min="7" max="7" width="8.796875" style="35" customWidth="1"/>
    <col min="8" max="9" width="8.796875" style="35" hidden="1" customWidth="1"/>
    <col min="10" max="10" width="4.19921875" style="35" hidden="1" customWidth="1"/>
    <col min="11" max="12" width="0.69921875" style="35" hidden="1" customWidth="1"/>
    <col min="13" max="13" width="2.69921875" style="35" customWidth="1"/>
    <col min="14" max="16384" width="8.796875" style="35"/>
  </cols>
  <sheetData>
    <row r="1" spans="1:13" x14ac:dyDescent="0.2">
      <c r="A1" s="35" t="s">
        <v>53</v>
      </c>
    </row>
    <row r="2" spans="1:13" ht="36" customHeight="1" x14ac:dyDescent="0.2">
      <c r="A2" s="70" t="s">
        <v>54</v>
      </c>
      <c r="B2" s="92" t="s">
        <v>55</v>
      </c>
      <c r="C2" s="92"/>
      <c r="D2" s="92"/>
      <c r="E2" s="92"/>
      <c r="F2" s="92"/>
      <c r="G2" s="40"/>
      <c r="H2" s="40"/>
      <c r="I2" s="40"/>
      <c r="J2" s="40"/>
      <c r="K2" s="40"/>
      <c r="L2" s="40"/>
      <c r="M2" s="40"/>
    </row>
    <row r="3" spans="1:13" x14ac:dyDescent="0.2">
      <c r="B3" s="71"/>
      <c r="C3" s="41"/>
      <c r="D3" s="40"/>
    </row>
    <row r="4" spans="1:13" x14ac:dyDescent="0.2">
      <c r="A4" s="84" t="s">
        <v>146</v>
      </c>
      <c r="B4" s="72" t="s">
        <v>56</v>
      </c>
      <c r="C4" s="73" t="s">
        <v>138</v>
      </c>
    </row>
    <row r="5" spans="1:13" x14ac:dyDescent="0.2">
      <c r="B5" s="74" t="s">
        <v>139</v>
      </c>
      <c r="C5" s="75">
        <v>4</v>
      </c>
    </row>
    <row r="6" spans="1:13" x14ac:dyDescent="0.2">
      <c r="B6" s="74" t="s">
        <v>145</v>
      </c>
      <c r="C6" s="75">
        <v>10</v>
      </c>
      <c r="E6" s="35" t="s">
        <v>150</v>
      </c>
    </row>
    <row r="7" spans="1:13" x14ac:dyDescent="0.2">
      <c r="B7" s="74" t="s">
        <v>128</v>
      </c>
      <c r="C7" s="75">
        <v>31</v>
      </c>
      <c r="E7" s="35" t="s">
        <v>149</v>
      </c>
    </row>
    <row r="8" spans="1:13" x14ac:dyDescent="0.2">
      <c r="B8" s="74" t="s">
        <v>127</v>
      </c>
      <c r="C8" s="75">
        <v>7</v>
      </c>
    </row>
    <row r="9" spans="1:13" x14ac:dyDescent="0.2">
      <c r="B9" s="74" t="s">
        <v>63</v>
      </c>
      <c r="C9" s="75">
        <v>4</v>
      </c>
    </row>
    <row r="10" spans="1:13" x14ac:dyDescent="0.2">
      <c r="B10" s="76" t="s">
        <v>64</v>
      </c>
      <c r="C10" s="75">
        <v>2</v>
      </c>
    </row>
    <row r="11" spans="1:13" x14ac:dyDescent="0.2">
      <c r="B11" s="74" t="s">
        <v>65</v>
      </c>
      <c r="C11" s="75">
        <v>2</v>
      </c>
    </row>
    <row r="12" spans="1:13" x14ac:dyDescent="0.2">
      <c r="B12" s="74" t="s">
        <v>66</v>
      </c>
      <c r="C12" s="75">
        <v>4</v>
      </c>
    </row>
    <row r="13" spans="1:13" x14ac:dyDescent="0.2">
      <c r="B13" s="69" t="s">
        <v>67</v>
      </c>
      <c r="C13" s="77">
        <v>1</v>
      </c>
    </row>
    <row r="16" spans="1:13" x14ac:dyDescent="0.2">
      <c r="A16" s="84" t="s">
        <v>147</v>
      </c>
      <c r="B16" s="72" t="s">
        <v>140</v>
      </c>
      <c r="C16" s="73" t="s">
        <v>141</v>
      </c>
    </row>
    <row r="17" spans="1:6" x14ac:dyDescent="0.2">
      <c r="B17" s="69" t="s">
        <v>143</v>
      </c>
      <c r="C17" s="78">
        <v>3</v>
      </c>
    </row>
    <row r="18" spans="1:6" ht="19.2" customHeight="1" x14ac:dyDescent="0.2">
      <c r="B18" s="74" t="s">
        <v>144</v>
      </c>
      <c r="C18" s="75">
        <v>1</v>
      </c>
    </row>
    <row r="19" spans="1:6" x14ac:dyDescent="0.2">
      <c r="B19" s="69" t="s">
        <v>142</v>
      </c>
      <c r="C19" s="78">
        <v>6</v>
      </c>
    </row>
    <row r="20" spans="1:6" x14ac:dyDescent="0.2">
      <c r="B20" s="82"/>
      <c r="C20" s="83"/>
    </row>
    <row r="21" spans="1:6" x14ac:dyDescent="0.2">
      <c r="B21" s="82"/>
      <c r="C21" s="83"/>
    </row>
    <row r="22" spans="1:6" x14ac:dyDescent="0.2">
      <c r="A22" s="84" t="s">
        <v>148</v>
      </c>
      <c r="B22" s="72" t="s">
        <v>129</v>
      </c>
      <c r="C22" s="73" t="s">
        <v>138</v>
      </c>
      <c r="E22" s="87"/>
      <c r="F22" s="88"/>
    </row>
    <row r="23" spans="1:6" ht="19.8" customHeight="1" x14ac:dyDescent="0.2">
      <c r="B23" s="74" t="s">
        <v>57</v>
      </c>
      <c r="C23" s="75">
        <v>14</v>
      </c>
      <c r="E23" s="83"/>
      <c r="F23" s="83"/>
    </row>
    <row r="24" spans="1:6" x14ac:dyDescent="0.2">
      <c r="B24" s="74" t="s">
        <v>58</v>
      </c>
      <c r="C24" s="75">
        <v>1</v>
      </c>
      <c r="E24" s="83"/>
      <c r="F24" s="83"/>
    </row>
    <row r="25" spans="1:6" x14ac:dyDescent="0.2">
      <c r="B25" s="74" t="s">
        <v>59</v>
      </c>
      <c r="C25" s="75">
        <v>9</v>
      </c>
      <c r="E25" s="83"/>
      <c r="F25" s="83"/>
    </row>
    <row r="26" spans="1:6" x14ac:dyDescent="0.2">
      <c r="B26" s="76" t="s">
        <v>60</v>
      </c>
      <c r="C26" s="75">
        <v>5</v>
      </c>
      <c r="E26" s="83"/>
      <c r="F26" s="83"/>
    </row>
    <row r="27" spans="1:6" x14ac:dyDescent="0.2">
      <c r="B27" s="74" t="s">
        <v>61</v>
      </c>
      <c r="C27" s="75">
        <v>1</v>
      </c>
      <c r="E27" s="83"/>
      <c r="F27" s="83"/>
    </row>
    <row r="28" spans="1:6" x14ac:dyDescent="0.2">
      <c r="B28" s="74" t="s">
        <v>62</v>
      </c>
      <c r="C28" s="75">
        <v>1</v>
      </c>
    </row>
  </sheetData>
  <mergeCells count="1">
    <mergeCell ref="B2:F2"/>
  </mergeCells>
  <phoneticPr fontId="1"/>
  <pageMargins left="0.7" right="0.7" top="0.75" bottom="0.75" header="0.3" footer="0.3"/>
  <pageSetup paperSize="9" scale="87" orientation="portrait" r:id="rId1"/>
  <drawing r:id="rId2"/>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dimension ref="A1:E35"/>
  <sheetViews>
    <sheetView view="pageBreakPreview" topLeftCell="A10" zoomScale="85" zoomScaleNormal="100" zoomScaleSheetLayoutView="85" workbookViewId="0">
      <selection activeCell="C6" sqref="C6"/>
    </sheetView>
  </sheetViews>
  <sheetFormatPr defaultRowHeight="19.8" x14ac:dyDescent="0.2"/>
  <cols>
    <col min="1" max="1" width="8.5" style="35" customWidth="1"/>
    <col min="2" max="2" width="42" style="35" customWidth="1"/>
    <col min="3" max="3" width="12.296875" style="35" customWidth="1"/>
    <col min="4" max="4" width="4.296875" style="35" customWidth="1"/>
    <col min="5" max="5" width="63.8984375" style="35" customWidth="1"/>
    <col min="6" max="16384" width="8.796875" style="35"/>
  </cols>
  <sheetData>
    <row r="1" spans="1:5" ht="28.8" x14ac:dyDescent="0.2">
      <c r="A1" s="43" t="s">
        <v>68</v>
      </c>
    </row>
    <row r="2" spans="1:5" ht="22.2" x14ac:dyDescent="0.2">
      <c r="A2" s="36" t="s">
        <v>69</v>
      </c>
      <c r="B2" s="36" t="s">
        <v>125</v>
      </c>
    </row>
    <row r="3" spans="1:5" ht="22.2" x14ac:dyDescent="0.2">
      <c r="A3" s="36"/>
      <c r="B3" s="36"/>
      <c r="C3" s="36"/>
      <c r="D3" s="36"/>
      <c r="E3" s="36"/>
    </row>
    <row r="4" spans="1:5" ht="22.2" x14ac:dyDescent="0.2">
      <c r="A4" s="36" t="s">
        <v>126</v>
      </c>
      <c r="B4" s="36"/>
      <c r="C4" s="36"/>
      <c r="D4" s="36"/>
      <c r="E4" s="36"/>
    </row>
    <row r="5" spans="1:5" ht="22.2" x14ac:dyDescent="0.2">
      <c r="A5" s="36"/>
      <c r="B5" s="36"/>
      <c r="C5" s="36"/>
      <c r="D5" s="36"/>
      <c r="E5" s="36"/>
    </row>
    <row r="6" spans="1:5" ht="22.2" x14ac:dyDescent="0.2">
      <c r="A6" s="36"/>
      <c r="B6" s="38" t="s">
        <v>70</v>
      </c>
      <c r="C6" s="38" t="s">
        <v>71</v>
      </c>
      <c r="D6" s="39"/>
      <c r="E6" s="36"/>
    </row>
    <row r="7" spans="1:5" ht="22.2" x14ac:dyDescent="0.2">
      <c r="A7" s="36"/>
      <c r="B7" s="42" t="s">
        <v>72</v>
      </c>
      <c r="C7" s="42">
        <v>0</v>
      </c>
      <c r="D7" s="36"/>
    </row>
    <row r="8" spans="1:5" ht="22.2" x14ac:dyDescent="0.2">
      <c r="A8" s="36"/>
      <c r="B8" s="42" t="s">
        <v>73</v>
      </c>
      <c r="C8" s="42">
        <v>0</v>
      </c>
      <c r="D8" s="36"/>
    </row>
    <row r="9" spans="1:5" ht="22.2" x14ac:dyDescent="0.2">
      <c r="A9" s="36"/>
      <c r="B9" s="42" t="s">
        <v>80</v>
      </c>
      <c r="C9" s="42">
        <v>2</v>
      </c>
      <c r="D9" s="36"/>
    </row>
    <row r="10" spans="1:5" ht="22.2" x14ac:dyDescent="0.2">
      <c r="A10" s="36"/>
      <c r="B10" s="42" t="s">
        <v>74</v>
      </c>
      <c r="C10" s="42">
        <v>6</v>
      </c>
      <c r="D10" s="36"/>
    </row>
    <row r="11" spans="1:5" ht="22.2" x14ac:dyDescent="0.2">
      <c r="A11" s="36"/>
      <c r="B11" s="42" t="s">
        <v>75</v>
      </c>
      <c r="C11" s="42">
        <v>1</v>
      </c>
      <c r="D11" s="36"/>
    </row>
    <row r="12" spans="1:5" ht="22.2" x14ac:dyDescent="0.2">
      <c r="A12" s="36"/>
      <c r="B12" s="44" t="s">
        <v>76</v>
      </c>
      <c r="C12" s="42">
        <v>8</v>
      </c>
      <c r="D12" s="36"/>
    </row>
    <row r="13" spans="1:5" ht="22.2" x14ac:dyDescent="0.2">
      <c r="A13" s="36"/>
      <c r="B13" s="42" t="s">
        <v>77</v>
      </c>
      <c r="C13" s="42">
        <v>10</v>
      </c>
      <c r="D13" s="45"/>
    </row>
    <row r="14" spans="1:5" ht="22.2" x14ac:dyDescent="0.2">
      <c r="A14" s="36"/>
      <c r="B14" s="42" t="s">
        <v>78</v>
      </c>
      <c r="C14" s="42">
        <v>12</v>
      </c>
      <c r="D14" s="36"/>
    </row>
    <row r="15" spans="1:5" ht="22.2" x14ac:dyDescent="0.2">
      <c r="A15" s="36"/>
      <c r="B15" s="45" t="s">
        <v>123</v>
      </c>
      <c r="C15" s="46"/>
      <c r="D15" s="36"/>
    </row>
    <row r="16" spans="1:5" ht="22.2" x14ac:dyDescent="0.2">
      <c r="A16" s="36"/>
      <c r="B16" s="45" t="s">
        <v>124</v>
      </c>
      <c r="C16" s="45"/>
      <c r="D16" s="36"/>
      <c r="E16" s="36"/>
    </row>
    <row r="17" spans="1:5" ht="22.2" x14ac:dyDescent="0.2">
      <c r="A17" s="36"/>
      <c r="B17" s="45"/>
      <c r="C17" s="45"/>
      <c r="D17" s="36"/>
      <c r="E17" s="36"/>
    </row>
    <row r="18" spans="1:5" ht="22.2" x14ac:dyDescent="0.2">
      <c r="A18" s="36"/>
      <c r="B18" s="45"/>
      <c r="C18" s="45"/>
      <c r="D18" s="36"/>
      <c r="E18" s="36"/>
    </row>
    <row r="19" spans="1:5" ht="22.2" x14ac:dyDescent="0.2">
      <c r="A19" s="36"/>
      <c r="B19" s="38" t="s">
        <v>70</v>
      </c>
      <c r="C19" s="38" t="s">
        <v>71</v>
      </c>
      <c r="D19" s="36"/>
      <c r="E19" s="36"/>
    </row>
    <row r="20" spans="1:5" ht="22.2" x14ac:dyDescent="0.2">
      <c r="A20" s="36"/>
      <c r="B20" s="42" t="s">
        <v>72</v>
      </c>
      <c r="C20" s="42">
        <v>6</v>
      </c>
      <c r="D20" s="36"/>
      <c r="E20" s="36"/>
    </row>
    <row r="21" spans="1:5" ht="22.2" x14ac:dyDescent="0.2">
      <c r="A21" s="36"/>
      <c r="B21" s="42" t="s">
        <v>75</v>
      </c>
      <c r="C21" s="42">
        <v>11</v>
      </c>
      <c r="D21" s="36"/>
      <c r="E21" s="36"/>
    </row>
    <row r="22" spans="1:5" ht="22.2" x14ac:dyDescent="0.2">
      <c r="A22" s="36"/>
      <c r="B22" s="44" t="s">
        <v>76</v>
      </c>
      <c r="C22" s="42">
        <v>24</v>
      </c>
      <c r="D22" s="36"/>
      <c r="E22" s="36"/>
    </row>
    <row r="23" spans="1:5" ht="22.2" x14ac:dyDescent="0.2">
      <c r="A23" s="36"/>
      <c r="B23" s="36" t="s">
        <v>79</v>
      </c>
      <c r="C23" s="36"/>
      <c r="D23" s="36"/>
      <c r="E23" s="36"/>
    </row>
    <row r="24" spans="1:5" ht="22.2" x14ac:dyDescent="0.2">
      <c r="A24" s="36"/>
      <c r="B24" s="36"/>
      <c r="C24" s="36"/>
      <c r="D24" s="36"/>
      <c r="E24" s="36"/>
    </row>
    <row r="25" spans="1:5" ht="22.2" x14ac:dyDescent="0.2">
      <c r="A25" s="36"/>
      <c r="B25" s="36"/>
      <c r="C25" s="36"/>
      <c r="D25" s="36"/>
      <c r="E25" s="36"/>
    </row>
    <row r="26" spans="1:5" ht="22.2" x14ac:dyDescent="0.2">
      <c r="A26" s="36"/>
      <c r="B26" s="36"/>
      <c r="C26" s="36"/>
      <c r="D26" s="36"/>
      <c r="E26" s="36"/>
    </row>
    <row r="27" spans="1:5" ht="22.2" x14ac:dyDescent="0.2">
      <c r="A27" s="36"/>
      <c r="B27" s="36"/>
      <c r="C27" s="36"/>
      <c r="D27" s="36"/>
      <c r="E27" s="36"/>
    </row>
    <row r="28" spans="1:5" ht="22.2" x14ac:dyDescent="0.2">
      <c r="A28" s="36"/>
      <c r="B28" s="36"/>
      <c r="C28" s="36"/>
      <c r="D28" s="36"/>
      <c r="E28" s="37"/>
    </row>
    <row r="29" spans="1:5" ht="22.2" x14ac:dyDescent="0.2">
      <c r="A29" s="36"/>
      <c r="B29" s="36"/>
      <c r="C29" s="36"/>
      <c r="D29" s="36"/>
      <c r="E29" s="37"/>
    </row>
    <row r="30" spans="1:5" ht="22.2" x14ac:dyDescent="0.2">
      <c r="A30" s="36"/>
      <c r="B30" s="36"/>
      <c r="C30" s="36"/>
      <c r="D30" s="36"/>
      <c r="E30" s="36"/>
    </row>
    <row r="31" spans="1:5" ht="22.2" x14ac:dyDescent="0.2">
      <c r="A31" s="36"/>
      <c r="B31" s="36"/>
      <c r="C31" s="36"/>
      <c r="D31" s="36"/>
      <c r="E31" s="36"/>
    </row>
    <row r="32" spans="1:5" ht="22.2" x14ac:dyDescent="0.2">
      <c r="A32" s="36"/>
      <c r="B32" s="36"/>
      <c r="C32" s="36"/>
      <c r="D32" s="36"/>
      <c r="E32" s="36"/>
    </row>
    <row r="33" spans="1:5" ht="22.2" x14ac:dyDescent="0.2">
      <c r="A33" s="36"/>
      <c r="B33" s="36"/>
      <c r="C33" s="36"/>
      <c r="D33" s="36"/>
      <c r="E33" s="36"/>
    </row>
    <row r="34" spans="1:5" ht="22.2" x14ac:dyDescent="0.2">
      <c r="A34" s="36"/>
      <c r="B34" s="36"/>
      <c r="C34" s="36"/>
      <c r="D34" s="36"/>
      <c r="E34" s="36"/>
    </row>
    <row r="35" spans="1:5" ht="22.2" x14ac:dyDescent="0.2">
      <c r="A35" s="36"/>
      <c r="B35" s="36"/>
      <c r="C35" s="36"/>
      <c r="D35" s="36"/>
      <c r="E35" s="36"/>
    </row>
  </sheetData>
  <phoneticPr fontId="1"/>
  <pageMargins left="0.7" right="0.7" top="0.75" bottom="0.75" header="0.3" footer="0.3"/>
  <pageSetup paperSize="9" scale="57" orientation="portrait" r:id="rId1"/>
  <drawing r:id="rId2"/>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45"/>
  <sheetViews>
    <sheetView view="pageBreakPreview" topLeftCell="A12" zoomScale="136" zoomScaleNormal="100" zoomScaleSheetLayoutView="136" workbookViewId="0">
      <selection activeCell="C6" sqref="C6"/>
    </sheetView>
  </sheetViews>
  <sheetFormatPr defaultRowHeight="26.4" x14ac:dyDescent="0.2"/>
  <cols>
    <col min="1" max="1" width="4.3984375" style="49" customWidth="1"/>
    <col min="2" max="2" width="114.59765625" style="48" customWidth="1"/>
    <col min="3" max="3" width="11.09765625" style="49" customWidth="1"/>
    <col min="4" max="4" width="13.09765625" style="48" customWidth="1"/>
    <col min="5" max="16384" width="8.796875" style="50"/>
  </cols>
  <sheetData>
    <row r="1" spans="1:4" s="35" customFormat="1" ht="28.8" x14ac:dyDescent="0.2">
      <c r="A1" s="43" t="s">
        <v>68</v>
      </c>
      <c r="D1" s="40"/>
    </row>
    <row r="2" spans="1:4" x14ac:dyDescent="0.2">
      <c r="A2" s="47" t="s">
        <v>81</v>
      </c>
    </row>
    <row r="3" spans="1:4" ht="48.6" customHeight="1" x14ac:dyDescent="0.2">
      <c r="A3" s="47"/>
      <c r="B3" s="48" t="s">
        <v>82</v>
      </c>
    </row>
    <row r="4" spans="1:4" ht="13.8" customHeight="1" thickBot="1" x14ac:dyDescent="0.25">
      <c r="A4" s="47"/>
    </row>
    <row r="5" spans="1:4" ht="27" thickBot="1" x14ac:dyDescent="0.25">
      <c r="A5" s="51"/>
      <c r="B5" s="52" t="s">
        <v>83</v>
      </c>
      <c r="C5" s="53"/>
      <c r="D5" s="54" t="s">
        <v>84</v>
      </c>
    </row>
    <row r="6" spans="1:4" ht="34.049999999999997" customHeight="1" x14ac:dyDescent="0.2">
      <c r="A6" s="55">
        <v>1</v>
      </c>
      <c r="B6" s="56" t="s">
        <v>85</v>
      </c>
      <c r="C6" s="57" t="s">
        <v>86</v>
      </c>
      <c r="D6" s="58" t="s">
        <v>50</v>
      </c>
    </row>
    <row r="7" spans="1:4" ht="78" customHeight="1" x14ac:dyDescent="0.2">
      <c r="A7" s="59">
        <v>2</v>
      </c>
      <c r="B7" s="60" t="s">
        <v>87</v>
      </c>
      <c r="C7" s="61" t="s">
        <v>88</v>
      </c>
      <c r="D7" s="62"/>
    </row>
    <row r="8" spans="1:4" ht="61.2" customHeight="1" x14ac:dyDescent="0.2">
      <c r="A8" s="59">
        <v>3</v>
      </c>
      <c r="B8" s="60" t="s">
        <v>89</v>
      </c>
      <c r="C8" s="61" t="s">
        <v>88</v>
      </c>
      <c r="D8" s="62" t="s">
        <v>90</v>
      </c>
    </row>
    <row r="9" spans="1:4" ht="52.2" customHeight="1" x14ac:dyDescent="0.2">
      <c r="A9" s="59">
        <v>4</v>
      </c>
      <c r="B9" s="60" t="s">
        <v>91</v>
      </c>
      <c r="C9" s="61" t="s">
        <v>86</v>
      </c>
      <c r="D9" s="58" t="s">
        <v>50</v>
      </c>
    </row>
    <row r="10" spans="1:4" ht="55.8" customHeight="1" x14ac:dyDescent="0.2">
      <c r="A10" s="59">
        <v>5</v>
      </c>
      <c r="B10" s="60" t="s">
        <v>92</v>
      </c>
      <c r="C10" s="61" t="s">
        <v>88</v>
      </c>
      <c r="D10" s="62"/>
    </row>
    <row r="11" spans="1:4" ht="34.200000000000003" customHeight="1" x14ac:dyDescent="0.2">
      <c r="A11" s="59">
        <v>6</v>
      </c>
      <c r="B11" s="60" t="s">
        <v>93</v>
      </c>
      <c r="C11" s="61" t="s">
        <v>105</v>
      </c>
      <c r="D11" s="62"/>
    </row>
    <row r="12" spans="1:4" ht="52.8" x14ac:dyDescent="0.2">
      <c r="A12" s="59">
        <v>7</v>
      </c>
      <c r="B12" s="60" t="s">
        <v>94</v>
      </c>
      <c r="C12" s="61" t="s">
        <v>88</v>
      </c>
      <c r="D12" s="62"/>
    </row>
    <row r="13" spans="1:4" ht="79.2" x14ac:dyDescent="0.2">
      <c r="A13" s="59">
        <v>8</v>
      </c>
      <c r="B13" s="60" t="s">
        <v>95</v>
      </c>
      <c r="C13" s="61" t="s">
        <v>88</v>
      </c>
      <c r="D13" s="62"/>
    </row>
    <row r="14" spans="1:4" ht="139.80000000000001" customHeight="1" x14ac:dyDescent="0.2">
      <c r="A14" s="59">
        <v>9</v>
      </c>
      <c r="B14" s="60" t="s">
        <v>96</v>
      </c>
      <c r="C14" s="61" t="s">
        <v>86</v>
      </c>
      <c r="D14" s="58" t="s">
        <v>50</v>
      </c>
    </row>
    <row r="15" spans="1:4" ht="39" customHeight="1" x14ac:dyDescent="0.2">
      <c r="A15" s="59">
        <v>10</v>
      </c>
      <c r="B15" s="60" t="s">
        <v>97</v>
      </c>
      <c r="C15" s="61" t="s">
        <v>88</v>
      </c>
      <c r="D15" s="62"/>
    </row>
    <row r="16" spans="1:4" ht="84.6" customHeight="1" x14ac:dyDescent="0.2">
      <c r="A16" s="59">
        <v>11</v>
      </c>
      <c r="B16" s="60" t="s">
        <v>98</v>
      </c>
      <c r="C16" s="61" t="s">
        <v>88</v>
      </c>
      <c r="D16" s="62"/>
    </row>
    <row r="17" spans="1:4" ht="342" customHeight="1" x14ac:dyDescent="0.2">
      <c r="A17" s="59">
        <v>12</v>
      </c>
      <c r="B17" s="60" t="s">
        <v>99</v>
      </c>
      <c r="C17" s="61" t="s">
        <v>88</v>
      </c>
      <c r="D17" s="62"/>
    </row>
    <row r="18" spans="1:4" ht="79.2" x14ac:dyDescent="0.2">
      <c r="A18" s="59">
        <v>13</v>
      </c>
      <c r="B18" s="60" t="s">
        <v>100</v>
      </c>
      <c r="C18" s="61" t="s">
        <v>88</v>
      </c>
      <c r="D18" s="62"/>
    </row>
    <row r="19" spans="1:4" ht="323.39999999999998" customHeight="1" x14ac:dyDescent="0.2">
      <c r="A19" s="59">
        <v>14</v>
      </c>
      <c r="B19" s="60" t="s">
        <v>101</v>
      </c>
      <c r="C19" s="61" t="s">
        <v>88</v>
      </c>
      <c r="D19" s="62"/>
    </row>
    <row r="20" spans="1:4" ht="52.8" x14ac:dyDescent="0.2">
      <c r="A20" s="59">
        <v>15</v>
      </c>
      <c r="B20" s="60" t="s">
        <v>102</v>
      </c>
      <c r="C20" s="61" t="s">
        <v>86</v>
      </c>
      <c r="D20" s="58" t="s">
        <v>50</v>
      </c>
    </row>
    <row r="21" spans="1:4" ht="83.4" customHeight="1" x14ac:dyDescent="0.2">
      <c r="A21" s="59">
        <v>16</v>
      </c>
      <c r="B21" s="60" t="s">
        <v>103</v>
      </c>
      <c r="C21" s="61" t="s">
        <v>88</v>
      </c>
      <c r="D21" s="62"/>
    </row>
    <row r="22" spans="1:4" ht="58.8" customHeight="1" x14ac:dyDescent="0.2">
      <c r="A22" s="59">
        <v>17</v>
      </c>
      <c r="B22" s="60" t="s">
        <v>104</v>
      </c>
      <c r="C22" s="61" t="s">
        <v>88</v>
      </c>
      <c r="D22" s="62"/>
    </row>
    <row r="23" spans="1:4" ht="79.2" customHeight="1" x14ac:dyDescent="0.2">
      <c r="A23" s="59">
        <v>18</v>
      </c>
      <c r="B23" s="60" t="s">
        <v>106</v>
      </c>
      <c r="C23" s="61" t="s">
        <v>88</v>
      </c>
      <c r="D23" s="62"/>
    </row>
    <row r="24" spans="1:4" ht="120.6" customHeight="1" x14ac:dyDescent="0.2">
      <c r="A24" s="59">
        <v>19</v>
      </c>
      <c r="B24" s="60" t="s">
        <v>107</v>
      </c>
      <c r="C24" s="61" t="s">
        <v>88</v>
      </c>
      <c r="D24" s="62"/>
    </row>
    <row r="25" spans="1:4" ht="52.8" x14ac:dyDescent="0.2">
      <c r="A25" s="59">
        <v>20</v>
      </c>
      <c r="B25" s="60" t="s">
        <v>108</v>
      </c>
      <c r="C25" s="61" t="s">
        <v>86</v>
      </c>
      <c r="D25" s="58" t="s">
        <v>50</v>
      </c>
    </row>
    <row r="26" spans="1:4" ht="139.19999999999999" customHeight="1" x14ac:dyDescent="0.2">
      <c r="A26" s="59">
        <v>21</v>
      </c>
      <c r="B26" s="60" t="s">
        <v>109</v>
      </c>
      <c r="C26" s="61" t="s">
        <v>88</v>
      </c>
      <c r="D26" s="62"/>
    </row>
    <row r="27" spans="1:4" ht="141" customHeight="1" x14ac:dyDescent="0.2">
      <c r="A27" s="59">
        <v>22</v>
      </c>
      <c r="B27" s="60" t="s">
        <v>110</v>
      </c>
      <c r="C27" s="61" t="s">
        <v>88</v>
      </c>
      <c r="D27" s="62"/>
    </row>
    <row r="28" spans="1:4" ht="86.4" customHeight="1" x14ac:dyDescent="0.2">
      <c r="A28" s="59">
        <v>23</v>
      </c>
      <c r="B28" s="60" t="s">
        <v>111</v>
      </c>
      <c r="C28" s="61" t="s">
        <v>88</v>
      </c>
      <c r="D28" s="62"/>
    </row>
    <row r="29" spans="1:4" ht="34.049999999999997" customHeight="1" x14ac:dyDescent="0.2">
      <c r="A29" s="59">
        <v>24</v>
      </c>
      <c r="B29" s="60" t="s">
        <v>112</v>
      </c>
      <c r="C29" s="61" t="s">
        <v>88</v>
      </c>
      <c r="D29" s="62"/>
    </row>
    <row r="30" spans="1:4" ht="34.049999999999997" customHeight="1" x14ac:dyDescent="0.2">
      <c r="A30" s="59">
        <v>25</v>
      </c>
      <c r="B30" s="60" t="s">
        <v>113</v>
      </c>
      <c r="C30" s="61" t="s">
        <v>86</v>
      </c>
      <c r="D30" s="58" t="s">
        <v>50</v>
      </c>
    </row>
    <row r="31" spans="1:4" ht="109.8" customHeight="1" x14ac:dyDescent="0.2">
      <c r="A31" s="59">
        <v>26</v>
      </c>
      <c r="B31" s="60" t="s">
        <v>114</v>
      </c>
      <c r="C31" s="61" t="s">
        <v>88</v>
      </c>
      <c r="D31" s="62" t="s">
        <v>115</v>
      </c>
    </row>
    <row r="32" spans="1:4" ht="105" customHeight="1" x14ac:dyDescent="0.2">
      <c r="A32" s="59">
        <v>27</v>
      </c>
      <c r="B32" s="60" t="s">
        <v>116</v>
      </c>
      <c r="C32" s="61" t="s">
        <v>88</v>
      </c>
      <c r="D32" s="62" t="s">
        <v>115</v>
      </c>
    </row>
    <row r="33" spans="1:4" ht="75.599999999999994" customHeight="1" x14ac:dyDescent="0.2">
      <c r="A33" s="59">
        <v>28</v>
      </c>
      <c r="B33" s="60" t="s">
        <v>117</v>
      </c>
      <c r="C33" s="61" t="s">
        <v>88</v>
      </c>
      <c r="D33" s="62" t="s">
        <v>115</v>
      </c>
    </row>
    <row r="34" spans="1:4" ht="66" customHeight="1" x14ac:dyDescent="0.2">
      <c r="A34" s="59">
        <v>29</v>
      </c>
      <c r="B34" s="60" t="s">
        <v>118</v>
      </c>
      <c r="C34" s="61" t="s">
        <v>88</v>
      </c>
      <c r="D34" s="62" t="s">
        <v>115</v>
      </c>
    </row>
    <row r="35" spans="1:4" ht="91.2" customHeight="1" x14ac:dyDescent="0.2">
      <c r="A35" s="59">
        <v>30</v>
      </c>
      <c r="B35" s="60" t="s">
        <v>119</v>
      </c>
      <c r="C35" s="61" t="s">
        <v>88</v>
      </c>
      <c r="D35" s="62" t="s">
        <v>115</v>
      </c>
    </row>
    <row r="36" spans="1:4" ht="386.4" customHeight="1" x14ac:dyDescent="0.2">
      <c r="A36" s="59">
        <v>31</v>
      </c>
      <c r="B36" s="60" t="s">
        <v>120</v>
      </c>
      <c r="C36" s="61" t="s">
        <v>88</v>
      </c>
      <c r="D36" s="62"/>
    </row>
    <row r="37" spans="1:4" ht="100.2" customHeight="1" x14ac:dyDescent="0.2">
      <c r="A37" s="59">
        <v>32</v>
      </c>
      <c r="B37" s="60" t="s">
        <v>121</v>
      </c>
      <c r="C37" s="61" t="s">
        <v>105</v>
      </c>
      <c r="D37" s="62"/>
    </row>
    <row r="38" spans="1:4" ht="205.2" customHeight="1" thickBot="1" x14ac:dyDescent="0.25">
      <c r="A38" s="63">
        <v>33</v>
      </c>
      <c r="B38" s="64" t="s">
        <v>122</v>
      </c>
      <c r="C38" s="65" t="s">
        <v>88</v>
      </c>
      <c r="D38" s="66"/>
    </row>
    <row r="39" spans="1:4" x14ac:dyDescent="0.2">
      <c r="A39" s="67"/>
      <c r="B39" s="68"/>
      <c r="C39" s="67"/>
    </row>
    <row r="40" spans="1:4" x14ac:dyDescent="0.2">
      <c r="A40" s="67"/>
      <c r="B40" s="68"/>
      <c r="C40" s="67"/>
    </row>
    <row r="41" spans="1:4" x14ac:dyDescent="0.2">
      <c r="A41" s="67"/>
      <c r="B41" s="68"/>
      <c r="C41" s="67"/>
    </row>
    <row r="42" spans="1:4" x14ac:dyDescent="0.2">
      <c r="A42" s="67"/>
      <c r="B42" s="68"/>
      <c r="C42" s="67"/>
    </row>
    <row r="43" spans="1:4" x14ac:dyDescent="0.2">
      <c r="A43" s="67"/>
      <c r="B43" s="68"/>
      <c r="C43" s="67"/>
    </row>
    <row r="44" spans="1:4" x14ac:dyDescent="0.2">
      <c r="A44" s="67"/>
      <c r="B44" s="68"/>
      <c r="C44" s="67"/>
    </row>
    <row r="45" spans="1:4" x14ac:dyDescent="0.2">
      <c r="A45" s="67"/>
      <c r="B45" s="68"/>
      <c r="C45" s="67"/>
    </row>
  </sheetData>
  <phoneticPr fontId="1"/>
  <pageMargins left="0.7" right="0.7" top="0.75" bottom="0.75" header="0.3" footer="0.3"/>
  <pageSetup paperSize="9" scale="57" fitToHeight="0" orientation="portrait" r:id="rId1"/>
  <colBreaks count="1" manualBreakCount="1">
    <brk id="4" max="1048575" man="1"/>
  </colBreaks>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4</vt:i4>
      </vt:variant>
      <vt:variant>
        <vt:lpstr>名前付き一覧</vt:lpstr>
      </vt:variant>
      <vt:variant>
        <vt:i4>3</vt:i4>
      </vt:variant>
    </vt:vector>
  </HeadingPairs>
  <TitlesOfParts>
    <vt:vector size="7" baseType="lpstr">
      <vt:lpstr>関係団体意見まとめ</vt:lpstr>
      <vt:lpstr>職員アンケートまとめ①</vt:lpstr>
      <vt:lpstr>職員アンケートまとめ②</vt:lpstr>
      <vt:lpstr>職員アンケートまとめ③</vt:lpstr>
      <vt:lpstr>関係団体意見まとめ!Print_Area</vt:lpstr>
      <vt:lpstr>職員アンケートまとめ①!Print_Area</vt:lpstr>
      <vt:lpstr>職員アンケートまとめ②!Print_Area</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井出実里</dc:creator>
  <cp:lastModifiedBy>井出実里</cp:lastModifiedBy>
  <cp:lastPrinted>2022-12-23T06:13:24Z</cp:lastPrinted>
  <dcterms:created xsi:type="dcterms:W3CDTF">2022-11-09T23:56:50Z</dcterms:created>
  <dcterms:modified xsi:type="dcterms:W3CDTF">2022-12-23T06:23:05Z</dcterms:modified>
</cp:coreProperties>
</file>